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329,330,331,333-2021 ŠZM pre cievnu chirurgiu\15. OPAKOVANIE ZRUŠENEJ ČASTI č. 4\06. PTK\01. Odoslanie PTK\"/>
    </mc:Choice>
  </mc:AlternateContent>
  <bookViews>
    <workbookView xWindow="-120" yWindow="-120" windowWidth="25440" windowHeight="15390"/>
  </bookViews>
  <sheets>
    <sheet name="PTK - Ponuka" sheetId="8" r:id="rId1"/>
  </sheets>
  <definedNames>
    <definedName name="_xlnm.Print_Area" localSheetId="0">'PTK - Ponuka'!$A$1:$F$15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9" uniqueCount="194">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5.</t>
  </si>
  <si>
    <t>6.</t>
  </si>
  <si>
    <t>7.</t>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8.</t>
  </si>
  <si>
    <t>9.</t>
  </si>
  <si>
    <t>10.</t>
  </si>
  <si>
    <t>11.</t>
  </si>
  <si>
    <t>3.1</t>
  </si>
  <si>
    <t>3.2</t>
  </si>
  <si>
    <t>3.3</t>
  </si>
  <si>
    <t>Heparínové PTFE protézy</t>
  </si>
  <si>
    <t>33184200-5 Vaskulárne protézy</t>
  </si>
  <si>
    <t>Cievne protézy pre potreby Kliniky cievnej chirurgie.</t>
  </si>
  <si>
    <t>Predpokladané množstvo MJ za zmluvné obdobie
24 mesiacov</t>
  </si>
  <si>
    <t>Heparínová PTFE protéza</t>
  </si>
  <si>
    <t>Položka č. 1 - Heparínová PTFE protéza</t>
  </si>
  <si>
    <t>1.1</t>
  </si>
  <si>
    <t>1.2</t>
  </si>
  <si>
    <t>1.3</t>
  </si>
  <si>
    <t>1.4</t>
  </si>
  <si>
    <t>1.5</t>
  </si>
  <si>
    <t>2.1</t>
  </si>
  <si>
    <t>2.2</t>
  </si>
  <si>
    <t>2.3</t>
  </si>
  <si>
    <t>2.4</t>
  </si>
  <si>
    <t>2.5</t>
  </si>
  <si>
    <t>4.1</t>
  </si>
  <si>
    <t>4.2</t>
  </si>
  <si>
    <t>4.3</t>
  </si>
  <si>
    <t>4.4</t>
  </si>
  <si>
    <t>4.5</t>
  </si>
  <si>
    <t>4.6</t>
  </si>
  <si>
    <t>5.1</t>
  </si>
  <si>
    <t>5.2</t>
  </si>
  <si>
    <t>5.3</t>
  </si>
  <si>
    <t>5.4</t>
  </si>
  <si>
    <t>5.5</t>
  </si>
  <si>
    <t>6.1</t>
  </si>
  <si>
    <t>6.2</t>
  </si>
  <si>
    <t>6.3</t>
  </si>
  <si>
    <t>7.1</t>
  </si>
  <si>
    <t>7.2</t>
  </si>
  <si>
    <t>7.3</t>
  </si>
  <si>
    <t>7.4</t>
  </si>
  <si>
    <t>7.5</t>
  </si>
  <si>
    <t>7.6</t>
  </si>
  <si>
    <t>8.1</t>
  </si>
  <si>
    <t>8.2</t>
  </si>
  <si>
    <t>8.3</t>
  </si>
  <si>
    <t>8.4</t>
  </si>
  <si>
    <t>8.5</t>
  </si>
  <si>
    <t>9.1</t>
  </si>
  <si>
    <t>9.2</t>
  </si>
  <si>
    <t>9.3</t>
  </si>
  <si>
    <t>9.4</t>
  </si>
  <si>
    <t>9.5</t>
  </si>
  <si>
    <t>9.6</t>
  </si>
  <si>
    <t>10.1</t>
  </si>
  <si>
    <t>10.2</t>
  </si>
  <si>
    <t>10.3</t>
  </si>
  <si>
    <t>10.4</t>
  </si>
  <si>
    <t>10.5</t>
  </si>
  <si>
    <t>11.1</t>
  </si>
  <si>
    <t>11.2</t>
  </si>
  <si>
    <t>11.3</t>
  </si>
  <si>
    <t>11.4</t>
  </si>
  <si>
    <t>11.5</t>
  </si>
  <si>
    <t>Typ č. 1 - Heparínová protéza 5mm x 40cm (tolerancia +/- 5 cm)</t>
  </si>
  <si>
    <t>priemer: 5 mm</t>
  </si>
  <si>
    <t>dĺžka: 40 cm (tolerancia +/- 5 cm)</t>
  </si>
  <si>
    <t>tenkostenná (0,4mm) a nevystužená,</t>
  </si>
  <si>
    <t>tenkostenná (0,4mm) a vystužená,</t>
  </si>
  <si>
    <t>so štandardnou stenou (0,7 mm) a nevystužená,</t>
  </si>
  <si>
    <t>Typ č. 2 - Heparínová protéza 5mm x 70cm (tolerancia +/- 5 cm)</t>
  </si>
  <si>
    <t>dĺžka: 70 cm (tolerancia +/- 5 cm)</t>
  </si>
  <si>
    <t>Typ č. 3 - Heparínová protéza 6mm x 20cm (tolerancia +/- 5 cm)</t>
  </si>
  <si>
    <t>priemer: 6 mm</t>
  </si>
  <si>
    <t>dĺžka: 20 cm (tolerancia +/- 5 cm)</t>
  </si>
  <si>
    <t>Typ č. 4 - Heparínová protéza 6mm x 50cm (tolerancia +/- 5 cm)</t>
  </si>
  <si>
    <t>dĺžka: 50 cm (tolerancia +/- 5 cm)</t>
  </si>
  <si>
    <t>so štandardnou stenou (0,7 mm) a vystužená.</t>
  </si>
  <si>
    <t>Typ č. 5 - Heparínová protéza 6mm x 80cm (tolerancia +/- 5 cm)</t>
  </si>
  <si>
    <t>dĺžka: 80 cm (tolerancia +/- 5 cm)</t>
  </si>
  <si>
    <t>Typ č. 6 - Heparínová protéza 7mm x 20cm (tolerancia +/- 5 cm)</t>
  </si>
  <si>
    <t>priemer: 7 mm</t>
  </si>
  <si>
    <t>Typ č. 7 - Heparínová protéza 7mm x 50cm (tolerancia +/- 5 cm)</t>
  </si>
  <si>
    <t>Typ č. 8 - Heparínová protéza 7mm x 80cm (tolerancia +/- 5 cm)</t>
  </si>
  <si>
    <t>Typ č. 9 - Heparínová protéza 8mm x 50cm (tolerancia +/- 5 cm)</t>
  </si>
  <si>
    <t>priemer: 8 mm</t>
  </si>
  <si>
    <t>so štandardnou stenou (0,7 mm) a vystužená,</t>
  </si>
  <si>
    <t>Typ č. 10 - Heparínová protéza 8mm x 80cm (tolerancia +/- 5 cm)</t>
  </si>
  <si>
    <t>Spoločné požiadavky na predmet zákazky (pre každý typ)</t>
  </si>
  <si>
    <t>heparínom impregnovaná cievna protéza,</t>
  </si>
  <si>
    <t>z expandovaného polytetrafluóretylénu (ePTFE),</t>
  </si>
  <si>
    <t>s bioaktívnou heparínovou povrchovou vrstvou,</t>
  </si>
  <si>
    <t>povrch lumenu protézy potiahnutý vysokomolekulárnym heparínom,</t>
  </si>
  <si>
    <t>v prípade vystuženej heparínovej protézy sa požaduje s odnímateľným vonkajším špirálovým vystužením z PTFE (na použitie v oblastiach s vysokým nebezpečenstvom kompresie a zalomenia).</t>
  </si>
  <si>
    <t>Požaduje sa uzatvorenie Rámcovej dohody, a to na dohodnuté zmluvné obdobie,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3.4</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12.</t>
  </si>
  <si>
    <t>Požaduje sa, aby bol Dodávateľ v čase predloženia ponuky a zároveň počas trvania Rámcovej dohody oprávnený na poskytnutie plnenia predmetu zákazky.</t>
  </si>
  <si>
    <t>13.</t>
  </si>
  <si>
    <t>Požaduje sa možnosť uplatnenia si náhrady škody u Dodávateľa vo výške vzniknutých finančných nákladov a/alebo možnosť vrátenia nespotrebovanej časti tovaru v prípade nedodržania požiadaviek uvedených v zmluvných podmienkach.</t>
  </si>
  <si>
    <t>1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5.</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6.</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7.</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18.</t>
  </si>
  <si>
    <t>V prípade, ak sa na predmet zákazky vykonala prípravná trhová konzultácia, informácie k prípravnej trhovej konzultácii verejný obstarávateľ zverejňuje na internetovej stránke: www.vusch.sk/verejne-obstaravan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6">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thin">
        <color auto="1"/>
      </left>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medium">
        <color indexed="64"/>
      </left>
      <right/>
      <top/>
      <bottom style="medium">
        <color indexed="64"/>
      </bottom>
      <diagonal/>
    </border>
    <border>
      <left/>
      <right/>
      <top/>
      <bottom style="medium">
        <color indexed="64"/>
      </bottom>
      <diagonal/>
    </border>
    <border>
      <left style="thin">
        <color auto="1"/>
      </left>
      <right style="dotted">
        <color auto="1"/>
      </right>
      <top style="dotted">
        <color auto="1"/>
      </top>
      <bottom style="medium">
        <color indexed="64"/>
      </bottom>
      <diagonal/>
    </border>
    <border>
      <left style="dotted">
        <color auto="1"/>
      </left>
      <right style="dotted">
        <color auto="1"/>
      </right>
      <top style="dotted">
        <color auto="1"/>
      </top>
      <bottom style="medium">
        <color indexed="64"/>
      </bottom>
      <diagonal/>
    </border>
    <border>
      <left style="dotted">
        <color auto="1"/>
      </left>
      <right style="medium">
        <color indexed="64"/>
      </right>
      <top style="dotted">
        <color auto="1"/>
      </top>
      <bottom style="medium">
        <color indexed="64"/>
      </bottom>
      <diagonal/>
    </border>
    <border>
      <left style="medium">
        <color auto="1"/>
      </left>
      <right style="thin">
        <color auto="1"/>
      </right>
      <top style="thin">
        <color auto="1"/>
      </top>
      <bottom/>
      <diagonal/>
    </border>
    <border>
      <left style="thin">
        <color auto="1"/>
      </left>
      <right style="medium">
        <color indexed="64"/>
      </right>
      <top style="thin">
        <color auto="1"/>
      </top>
      <bottom/>
      <diagonal/>
    </border>
    <border>
      <left/>
      <right style="medium">
        <color indexed="64"/>
      </right>
      <top style="thin">
        <color auto="1"/>
      </top>
      <bottom style="thin">
        <color auto="1"/>
      </bottom>
      <diagonal/>
    </border>
    <border>
      <left style="thin">
        <color auto="1"/>
      </left>
      <right/>
      <top style="medium">
        <color indexed="64"/>
      </top>
      <bottom style="thin">
        <color auto="1"/>
      </bottom>
      <diagonal/>
    </border>
    <border>
      <left style="thin">
        <color indexed="64"/>
      </left>
      <right style="thin">
        <color indexed="64"/>
      </right>
      <top style="thin">
        <color indexed="64"/>
      </top>
      <bottom/>
      <diagonal/>
    </border>
    <border>
      <left style="thin">
        <color auto="1"/>
      </left>
      <right/>
      <top style="thin">
        <color auto="1"/>
      </top>
      <bottom/>
      <diagonal/>
    </border>
    <border>
      <left/>
      <right style="medium">
        <color auto="1"/>
      </right>
      <top style="thin">
        <color indexed="64"/>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66">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0" fontId="2" fillId="0" borderId="13"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3" fontId="4" fillId="6" borderId="8" xfId="0" applyNumberFormat="1" applyFont="1" applyFill="1" applyBorder="1" applyAlignment="1" applyProtection="1">
      <alignment horizontal="center" vertical="center" wrapText="1"/>
      <protection locked="0"/>
    </xf>
    <xf numFmtId="0" fontId="2" fillId="0" borderId="32" xfId="0" applyNumberFormat="1" applyFont="1" applyBorder="1" applyAlignment="1" applyProtection="1">
      <alignment horizontal="center" vertical="center" wrapText="1"/>
      <protection locked="0"/>
    </xf>
    <xf numFmtId="49" fontId="4" fillId="2" borderId="36" xfId="0" applyNumberFormat="1" applyFont="1" applyFill="1" applyBorder="1" applyAlignment="1" applyProtection="1">
      <alignment horizontal="center" vertical="center" wrapText="1"/>
      <protection locked="0"/>
    </xf>
    <xf numFmtId="49" fontId="3" fillId="0" borderId="39" xfId="0" applyNumberFormat="1" applyFont="1" applyBorder="1" applyAlignment="1" applyProtection="1">
      <alignment horizontal="left" vertical="center"/>
    </xf>
    <xf numFmtId="49" fontId="2" fillId="0" borderId="39" xfId="0" applyNumberFormat="1" applyFont="1" applyBorder="1" applyAlignment="1" applyProtection="1">
      <alignment horizontal="center" vertical="center"/>
    </xf>
    <xf numFmtId="49" fontId="2" fillId="0" borderId="39" xfId="0" applyNumberFormat="1" applyFont="1" applyBorder="1" applyAlignment="1" applyProtection="1">
      <alignment horizontal="left" vertical="center"/>
    </xf>
    <xf numFmtId="49" fontId="2" fillId="0" borderId="39" xfId="0" applyNumberFormat="1" applyFont="1" applyBorder="1" applyAlignment="1" applyProtection="1">
      <alignment horizontal="right" vertical="center"/>
    </xf>
    <xf numFmtId="49" fontId="2" fillId="0" borderId="9" xfId="0" applyNumberFormat="1" applyFont="1" applyBorder="1" applyAlignment="1" applyProtection="1">
      <alignment horizontal="right" vertical="center"/>
    </xf>
    <xf numFmtId="49" fontId="5" fillId="0" borderId="40" xfId="0" applyNumberFormat="1" applyFont="1" applyFill="1" applyBorder="1" applyAlignment="1" applyProtection="1">
      <alignment horizontal="left" vertical="center" wrapText="1"/>
    </xf>
    <xf numFmtId="49" fontId="4" fillId="0" borderId="40" xfId="0" applyNumberFormat="1" applyFont="1" applyFill="1" applyBorder="1" applyAlignment="1" applyProtection="1">
      <alignment horizontal="left" vertical="center" wrapText="1"/>
    </xf>
    <xf numFmtId="49" fontId="4" fillId="0" borderId="7" xfId="0" applyNumberFormat="1" applyFont="1" applyFill="1" applyBorder="1" applyAlignment="1" applyProtection="1">
      <alignment horizontal="left" vertical="center" wrapText="1"/>
    </xf>
    <xf numFmtId="49" fontId="4" fillId="0" borderId="14" xfId="0" applyNumberFormat="1" applyFont="1" applyFill="1" applyBorder="1" applyAlignment="1" applyProtection="1">
      <alignment horizontal="left" vertical="center" wrapText="1"/>
    </xf>
    <xf numFmtId="0" fontId="4" fillId="0" borderId="28" xfId="0" applyFont="1" applyBorder="1" applyAlignment="1" applyProtection="1">
      <alignment vertical="center" wrapText="1"/>
      <protection locked="0"/>
    </xf>
    <xf numFmtId="0" fontId="4" fillId="0" borderId="3" xfId="0" applyFont="1" applyBorder="1" applyAlignment="1" applyProtection="1">
      <alignment vertical="center" wrapText="1"/>
      <protection locked="0"/>
    </xf>
    <xf numFmtId="0" fontId="2" fillId="0" borderId="43" xfId="0" applyNumberFormat="1" applyFont="1" applyBorder="1" applyAlignment="1" applyProtection="1">
      <alignment horizontal="center" vertical="center" wrapText="1"/>
      <protection locked="0"/>
    </xf>
    <xf numFmtId="49" fontId="5" fillId="0" borderId="8" xfId="1" applyNumberFormat="1" applyFont="1" applyBorder="1" applyAlignment="1" applyProtection="1">
      <alignment horizontal="center" vertical="top" wrapText="1"/>
      <protection locked="0"/>
    </xf>
    <xf numFmtId="49" fontId="5" fillId="0" borderId="8" xfId="1"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4"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49" fontId="3" fillId="0" borderId="0" xfId="0" applyNumberFormat="1" applyFont="1" applyFill="1" applyAlignment="1" applyProtection="1">
      <alignment horizontal="left"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0" fontId="2" fillId="0" borderId="0" xfId="0" applyFont="1" applyFill="1" applyAlignment="1" applyProtection="1">
      <alignment horizontal="center" vertical="top" wrapText="1"/>
      <protection locked="0"/>
    </xf>
    <xf numFmtId="0" fontId="4" fillId="6" borderId="0" xfId="0" applyFont="1" applyFill="1" applyAlignment="1" applyProtection="1">
      <alignment horizontal="left" vertical="top" wrapText="1"/>
      <protection locked="0"/>
    </xf>
    <xf numFmtId="0" fontId="3" fillId="4" borderId="0" xfId="0" applyFont="1" applyFill="1" applyAlignment="1" applyProtection="1">
      <alignment horizontal="center" vertical="center"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4" fillId="0" borderId="0" xfId="0" applyNumberFormat="1" applyFont="1" applyFill="1" applyAlignment="1" applyProtection="1">
      <alignment horizontal="left" vertical="top" wrapText="1"/>
      <protection locked="0"/>
    </xf>
    <xf numFmtId="0" fontId="2" fillId="0" borderId="0" xfId="0" applyFont="1" applyAlignment="1" applyProtection="1">
      <alignment horizontal="left" wrapText="1"/>
      <protection locked="0"/>
    </xf>
    <xf numFmtId="49" fontId="3" fillId="0" borderId="0" xfId="0" applyNumberFormat="1" applyFont="1" applyFill="1" applyAlignment="1" applyProtection="1">
      <alignment horizontal="left" vertical="center" wrapText="1"/>
      <protection locked="0"/>
    </xf>
    <xf numFmtId="0" fontId="4" fillId="0" borderId="0" xfId="0" applyFont="1" applyAlignment="1" applyProtection="1">
      <alignment horizontal="left" vertical="top"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49" fontId="2" fillId="0" borderId="3" xfId="0" applyNumberFormat="1" applyFont="1" applyBorder="1" applyAlignment="1" applyProtection="1">
      <alignment horizontal="left" vertical="center" wrapText="1"/>
      <protection locked="0"/>
    </xf>
    <xf numFmtId="49" fontId="2" fillId="0" borderId="41" xfId="0" applyNumberFormat="1" applyFont="1" applyBorder="1" applyAlignment="1" applyProtection="1">
      <alignment horizontal="left" vertical="center"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2" fillId="0" borderId="44" xfId="0" applyFont="1" applyFill="1" applyBorder="1" applyAlignment="1" applyProtection="1">
      <alignment horizontal="left" vertical="center" wrapText="1"/>
      <protection locked="0"/>
    </xf>
    <xf numFmtId="0" fontId="2" fillId="0" borderId="45" xfId="0" applyFont="1" applyFill="1" applyBorder="1" applyAlignment="1" applyProtection="1">
      <alignment horizontal="left" vertical="center" wrapText="1"/>
      <protection locked="0"/>
    </xf>
    <xf numFmtId="0" fontId="2" fillId="0" borderId="32" xfId="0" applyFont="1" applyFill="1" applyBorder="1" applyAlignment="1" applyProtection="1">
      <alignment horizontal="left" vertical="center" wrapText="1"/>
      <protection locked="0"/>
    </xf>
    <xf numFmtId="0" fontId="2" fillId="0" borderId="33" xfId="0" applyFont="1" applyFill="1" applyBorder="1" applyAlignment="1" applyProtection="1">
      <alignment horizontal="left" vertical="center" wrapText="1"/>
      <protection locked="0"/>
    </xf>
    <xf numFmtId="49" fontId="5" fillId="2" borderId="34" xfId="0" applyNumberFormat="1" applyFont="1" applyFill="1" applyBorder="1" applyAlignment="1" applyProtection="1">
      <alignment horizontal="left" vertical="top" wrapText="1"/>
      <protection locked="0"/>
    </xf>
    <xf numFmtId="49" fontId="5" fillId="2" borderId="35" xfId="0" applyNumberFormat="1" applyFont="1" applyFill="1" applyBorder="1" applyAlignment="1" applyProtection="1">
      <alignment horizontal="left" vertical="top" wrapText="1"/>
      <protection locked="0"/>
    </xf>
    <xf numFmtId="49" fontId="4" fillId="2" borderId="37" xfId="0" applyNumberFormat="1" applyFont="1" applyFill="1" applyBorder="1" applyAlignment="1" applyProtection="1">
      <alignment horizontal="center" vertical="center" wrapText="1"/>
      <protection locked="0"/>
    </xf>
    <xf numFmtId="49" fontId="4" fillId="2" borderId="38" xfId="0" applyNumberFormat="1" applyFont="1" applyFill="1" applyBorder="1" applyAlignment="1" applyProtection="1">
      <alignment horizontal="center" vertical="center" wrapText="1"/>
      <protection locked="0"/>
    </xf>
    <xf numFmtId="49" fontId="2" fillId="0" borderId="6" xfId="0" applyNumberFormat="1" applyFont="1" applyBorder="1" applyAlignment="1" applyProtection="1">
      <alignment horizontal="center" vertical="center" wrapText="1"/>
      <protection locked="0"/>
    </xf>
    <xf numFmtId="0" fontId="4" fillId="0" borderId="42" xfId="0" applyFont="1" applyBorder="1" applyAlignment="1" applyProtection="1">
      <alignment vertical="center" wrapText="1"/>
      <protection locked="0"/>
    </xf>
    <xf numFmtId="49" fontId="2" fillId="0" borderId="29" xfId="0" applyNumberFormat="1" applyFont="1" applyBorder="1" applyAlignment="1" applyProtection="1">
      <alignment horizontal="center" vertical="center" wrapText="1"/>
      <protection locked="0"/>
    </xf>
    <xf numFmtId="0" fontId="4" fillId="0" borderId="25" xfId="0" applyFont="1" applyBorder="1" applyAlignment="1" applyProtection="1">
      <alignment vertical="center" wrapText="1"/>
      <protection locked="0"/>
    </xf>
    <xf numFmtId="49" fontId="2" fillId="0" borderId="30" xfId="0" applyNumberFormat="1" applyFont="1" applyBorder="1" applyAlignment="1" applyProtection="1">
      <alignment horizontal="right" vertical="center" wrapText="1"/>
      <protection locked="0"/>
    </xf>
    <xf numFmtId="0" fontId="4" fillId="6" borderId="26" xfId="0" applyFont="1" applyFill="1" applyBorder="1" applyAlignment="1" applyProtection="1">
      <alignment vertical="center" wrapText="1"/>
      <protection locked="0"/>
    </xf>
    <xf numFmtId="0" fontId="4" fillId="0" borderId="26" xfId="0" applyFont="1" applyBorder="1" applyAlignment="1" applyProtection="1">
      <alignment vertical="center" wrapText="1"/>
      <protection locked="0"/>
    </xf>
    <xf numFmtId="0" fontId="4" fillId="0" borderId="27" xfId="0" applyFont="1" applyBorder="1" applyAlignment="1" applyProtection="1">
      <alignment vertical="center" wrapText="1"/>
      <protection locked="0"/>
    </xf>
    <xf numFmtId="0" fontId="4" fillId="6" borderId="3" xfId="0" applyFont="1" applyFill="1" applyBorder="1" applyAlignment="1" applyProtection="1">
      <alignment vertical="center" wrapText="1"/>
      <protection locked="0"/>
    </xf>
    <xf numFmtId="49" fontId="2" fillId="0" borderId="31" xfId="0" applyNumberFormat="1" applyFont="1" applyBorder="1" applyAlignment="1" applyProtection="1">
      <alignment horizontal="center" vertical="center" wrapText="1"/>
      <protection locked="0"/>
    </xf>
    <xf numFmtId="49" fontId="2" fillId="0" borderId="15" xfId="0" applyNumberFormat="1" applyFont="1" applyFill="1" applyBorder="1" applyAlignment="1" applyProtection="1">
      <alignment horizontal="center" vertical="center" wrapText="1"/>
      <protection locked="0"/>
    </xf>
    <xf numFmtId="0" fontId="2" fillId="6" borderId="16" xfId="0" applyFont="1" applyFill="1" applyBorder="1" applyAlignment="1" applyProtection="1">
      <alignment horizontal="left" vertical="center" wrapText="1"/>
      <protection locked="0"/>
    </xf>
    <xf numFmtId="49" fontId="2" fillId="0" borderId="6" xfId="0" applyNumberFormat="1" applyFont="1" applyFill="1" applyBorder="1" applyAlignment="1" applyProtection="1">
      <alignment horizontal="center" vertical="center" wrapText="1"/>
      <protection locked="0"/>
    </xf>
    <xf numFmtId="0" fontId="3" fillId="6" borderId="8" xfId="0" applyFont="1" applyFill="1" applyBorder="1" applyAlignment="1" applyProtection="1">
      <alignment horizontal="left" vertical="center" wrapText="1"/>
      <protection locked="0"/>
    </xf>
    <xf numFmtId="49" fontId="2" fillId="6" borderId="6" xfId="0" applyNumberFormat="1" applyFont="1" applyFill="1" applyBorder="1" applyAlignment="1" applyProtection="1">
      <alignment horizontal="center" vertical="center" wrapText="1"/>
      <protection locked="0"/>
    </xf>
    <xf numFmtId="49" fontId="2" fillId="6" borderId="9" xfId="0" applyNumberFormat="1" applyFont="1" applyFill="1" applyBorder="1" applyAlignment="1" applyProtection="1">
      <alignment horizontal="center" vertical="center" wrapText="1"/>
      <protection locked="0"/>
    </xf>
    <xf numFmtId="0" fontId="2" fillId="6" borderId="13" xfId="0" applyFont="1" applyFill="1" applyBorder="1" applyAlignment="1" applyProtection="1">
      <alignment horizontal="left"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6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O173"/>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91" t="s">
        <v>43</v>
      </c>
      <c r="C1" s="91"/>
      <c r="D1" s="91"/>
      <c r="E1" s="91"/>
      <c r="F1" s="91"/>
    </row>
    <row r="2" spans="2:6" s="12" customFormat="1" ht="27.75" customHeight="1" x14ac:dyDescent="0.2">
      <c r="B2" s="90" t="s">
        <v>41</v>
      </c>
      <c r="C2" s="90"/>
      <c r="D2" s="90"/>
      <c r="E2" s="90"/>
      <c r="F2" s="90"/>
    </row>
    <row r="3" spans="2:6" s="12" customFormat="1" ht="54.75" customHeight="1" x14ac:dyDescent="0.2">
      <c r="B3" s="84" t="s">
        <v>46</v>
      </c>
      <c r="C3" s="84"/>
      <c r="D3" s="84"/>
      <c r="E3" s="84"/>
      <c r="F3" s="84"/>
    </row>
    <row r="4" spans="2:6" ht="24.95" customHeight="1" x14ac:dyDescent="0.2">
      <c r="B4" s="13" t="s">
        <v>45</v>
      </c>
      <c r="C4" s="14"/>
      <c r="D4" s="80"/>
      <c r="E4" s="80"/>
      <c r="F4" s="80"/>
    </row>
    <row r="5" spans="2:6" ht="24.95" customHeight="1" x14ac:dyDescent="0.2">
      <c r="B5" s="13" t="s">
        <v>44</v>
      </c>
      <c r="C5" s="15"/>
      <c r="D5" s="80"/>
      <c r="E5" s="80"/>
      <c r="F5" s="80"/>
    </row>
    <row r="6" spans="2:6" ht="15.75" customHeight="1" x14ac:dyDescent="0.2">
      <c r="B6" s="80"/>
      <c r="C6" s="80"/>
      <c r="D6" s="80"/>
      <c r="E6" s="80"/>
      <c r="F6" s="80"/>
    </row>
    <row r="7" spans="2:6" s="16" customFormat="1" ht="20.100000000000001" customHeight="1" x14ac:dyDescent="0.25">
      <c r="B7" s="86" t="s">
        <v>5</v>
      </c>
      <c r="C7" s="86"/>
      <c r="D7" s="86"/>
      <c r="E7" s="86"/>
      <c r="F7" s="86"/>
    </row>
    <row r="8" spans="2:6" s="16" customFormat="1" ht="20.100000000000001" customHeight="1" x14ac:dyDescent="0.25">
      <c r="B8" s="87" t="s">
        <v>9</v>
      </c>
      <c r="C8" s="87"/>
      <c r="D8" s="87"/>
      <c r="E8" s="87"/>
      <c r="F8" s="87"/>
    </row>
    <row r="9" spans="2:6" ht="28.5" customHeight="1" x14ac:dyDescent="0.2">
      <c r="B9" s="88" t="s">
        <v>77</v>
      </c>
      <c r="C9" s="88"/>
      <c r="D9" s="88"/>
      <c r="E9" s="88"/>
      <c r="F9" s="88"/>
    </row>
    <row r="10" spans="2:6" ht="4.5" customHeight="1" x14ac:dyDescent="0.2">
      <c r="B10" s="17"/>
      <c r="C10" s="17"/>
      <c r="D10" s="17"/>
      <c r="E10" s="17"/>
      <c r="F10" s="17"/>
    </row>
    <row r="11" spans="2:6" s="16" customFormat="1" ht="20.100000000000001" customHeight="1" x14ac:dyDescent="0.25">
      <c r="B11" s="89" t="s">
        <v>10</v>
      </c>
      <c r="C11" s="89"/>
      <c r="D11" s="89"/>
      <c r="E11" s="89"/>
      <c r="F11" s="89"/>
    </row>
    <row r="12" spans="2:6" s="19" customFormat="1" ht="20.100000000000001" customHeight="1" x14ac:dyDescent="0.25">
      <c r="B12" s="85" t="s">
        <v>78</v>
      </c>
      <c r="C12" s="85"/>
      <c r="D12" s="85"/>
      <c r="E12" s="18"/>
      <c r="F12" s="18"/>
    </row>
    <row r="13" spans="2:6" s="19" customFormat="1" ht="20.100000000000001" customHeight="1" x14ac:dyDescent="0.25">
      <c r="B13" s="85" t="s">
        <v>60</v>
      </c>
      <c r="C13" s="85"/>
      <c r="D13" s="85"/>
      <c r="E13" s="18"/>
      <c r="F13" s="18"/>
    </row>
    <row r="14" spans="2:6" ht="4.5" customHeight="1" x14ac:dyDescent="0.2">
      <c r="B14" s="79"/>
      <c r="C14" s="79"/>
      <c r="D14" s="79"/>
      <c r="E14" s="17"/>
      <c r="F14" s="17"/>
    </row>
    <row r="15" spans="2:6" ht="20.100000000000001" customHeight="1" x14ac:dyDescent="0.2">
      <c r="B15" s="20" t="s">
        <v>11</v>
      </c>
      <c r="C15" s="21"/>
      <c r="D15" s="21"/>
      <c r="E15" s="22"/>
      <c r="F15" s="22"/>
    </row>
    <row r="16" spans="2:6" s="25" customFormat="1" ht="24.95" customHeight="1" x14ac:dyDescent="0.25">
      <c r="B16" s="97" t="s">
        <v>53</v>
      </c>
      <c r="C16" s="97"/>
      <c r="D16" s="97"/>
      <c r="E16" s="23"/>
      <c r="F16" s="24"/>
    </row>
    <row r="17" spans="2:6" ht="5.0999999999999996" customHeight="1" x14ac:dyDescent="0.2">
      <c r="B17" s="95"/>
      <c r="C17" s="95"/>
      <c r="D17" s="95"/>
      <c r="F17" s="27"/>
    </row>
    <row r="18" spans="2:6" s="16" customFormat="1" ht="20.100000000000001" customHeight="1" x14ac:dyDescent="0.25">
      <c r="B18" s="86" t="s">
        <v>23</v>
      </c>
      <c r="C18" s="86"/>
      <c r="D18" s="86"/>
      <c r="E18" s="86"/>
      <c r="F18" s="86"/>
    </row>
    <row r="19" spans="2:6" ht="33" customHeight="1" x14ac:dyDescent="0.2">
      <c r="B19" s="94" t="s">
        <v>79</v>
      </c>
      <c r="C19" s="94"/>
      <c r="D19" s="94"/>
      <c r="E19" s="94"/>
      <c r="F19" s="94"/>
    </row>
    <row r="20" spans="2:6" ht="5.0999999999999996" customHeight="1" x14ac:dyDescent="0.2">
      <c r="B20" s="95"/>
      <c r="C20" s="95"/>
      <c r="D20" s="95"/>
      <c r="F20" s="27"/>
    </row>
    <row r="21" spans="2:6" s="16" customFormat="1" ht="20.100000000000001" customHeight="1" x14ac:dyDescent="0.25">
      <c r="B21" s="86" t="s">
        <v>24</v>
      </c>
      <c r="C21" s="86"/>
      <c r="D21" s="86"/>
      <c r="E21" s="86"/>
      <c r="F21" s="86"/>
    </row>
    <row r="22" spans="2:6" s="28" customFormat="1" ht="20.100000000000001" customHeight="1" x14ac:dyDescent="0.25">
      <c r="B22" s="96" t="s">
        <v>6</v>
      </c>
      <c r="C22" s="96"/>
      <c r="D22" s="96"/>
      <c r="E22" s="96"/>
      <c r="F22" s="96"/>
    </row>
    <row r="23" spans="2:6" s="28" customFormat="1" ht="20.100000000000001" customHeight="1" x14ac:dyDescent="0.25">
      <c r="B23" s="92" t="s">
        <v>17</v>
      </c>
      <c r="C23" s="93"/>
      <c r="D23" s="81"/>
      <c r="E23" s="81"/>
      <c r="F23" s="81"/>
    </row>
    <row r="24" spans="2:6" s="28" customFormat="1" ht="20.100000000000001" customHeight="1" x14ac:dyDescent="0.25">
      <c r="B24" s="29"/>
      <c r="C24" s="29" t="s">
        <v>21</v>
      </c>
      <c r="D24" s="81"/>
      <c r="E24" s="81"/>
      <c r="F24" s="81"/>
    </row>
    <row r="25" spans="2:6" s="28" customFormat="1" ht="20.100000000000001" customHeight="1" x14ac:dyDescent="0.25">
      <c r="B25" s="29"/>
      <c r="C25" s="29" t="s">
        <v>22</v>
      </c>
      <c r="D25" s="81"/>
      <c r="E25" s="81"/>
      <c r="F25" s="81"/>
    </row>
    <row r="26" spans="2:6" s="28" customFormat="1" ht="20.100000000000001" customHeight="1" x14ac:dyDescent="0.25">
      <c r="B26" s="92" t="s">
        <v>18</v>
      </c>
      <c r="C26" s="93"/>
      <c r="D26" s="81"/>
      <c r="E26" s="81"/>
      <c r="F26" s="81"/>
    </row>
    <row r="27" spans="2:6" s="28" customFormat="1" ht="53.25" customHeight="1" x14ac:dyDescent="0.25">
      <c r="B27" s="30" t="s">
        <v>19</v>
      </c>
      <c r="C27" s="100" t="s">
        <v>13</v>
      </c>
      <c r="D27" s="101"/>
      <c r="E27" s="31" t="s">
        <v>12</v>
      </c>
      <c r="F27" s="31" t="s">
        <v>80</v>
      </c>
    </row>
    <row r="28" spans="2:6" s="28" customFormat="1" ht="24.95" customHeight="1" x14ac:dyDescent="0.25">
      <c r="B28" s="32" t="s">
        <v>2</v>
      </c>
      <c r="C28" s="113" t="s">
        <v>81</v>
      </c>
      <c r="D28" s="114"/>
      <c r="E28" s="33" t="s">
        <v>1</v>
      </c>
      <c r="F28" s="61">
        <v>35</v>
      </c>
    </row>
    <row r="29" spans="2:6" s="28" customFormat="1" ht="4.5" customHeight="1" x14ac:dyDescent="0.25">
      <c r="B29" s="81"/>
      <c r="C29" s="81"/>
      <c r="D29" s="81"/>
      <c r="E29" s="81"/>
      <c r="F29" s="81"/>
    </row>
    <row r="30" spans="2:6" s="28" customFormat="1" ht="20.100000000000001" customHeight="1" x14ac:dyDescent="0.25">
      <c r="B30" s="92" t="s">
        <v>20</v>
      </c>
      <c r="C30" s="93"/>
      <c r="D30" s="81"/>
      <c r="E30" s="81"/>
      <c r="F30" s="81"/>
    </row>
    <row r="31" spans="2:6" s="28" customFormat="1" ht="20.100000000000001" customHeight="1" x14ac:dyDescent="0.2">
      <c r="B31" s="12"/>
      <c r="C31" s="28" t="s">
        <v>3</v>
      </c>
      <c r="D31" s="81"/>
      <c r="E31" s="81"/>
      <c r="F31" s="81"/>
    </row>
    <row r="32" spans="2:6" s="28" customFormat="1" ht="20.100000000000001" customHeight="1" x14ac:dyDescent="0.25">
      <c r="B32" s="29"/>
      <c r="C32" s="16" t="s">
        <v>4</v>
      </c>
      <c r="D32" s="81"/>
      <c r="E32" s="81"/>
      <c r="F32" s="81"/>
    </row>
    <row r="33" spans="2:7" ht="5.0999999999999996" customHeight="1" x14ac:dyDescent="0.2"/>
    <row r="34" spans="2:7" s="16" customFormat="1" ht="20.100000000000001" customHeight="1" x14ac:dyDescent="0.25">
      <c r="B34" s="86" t="s">
        <v>25</v>
      </c>
      <c r="C34" s="86"/>
      <c r="D34" s="86"/>
      <c r="E34" s="86"/>
      <c r="F34" s="86"/>
    </row>
    <row r="35" spans="2:7" s="16" customFormat="1" ht="5.0999999999999996" customHeight="1" thickBot="1" x14ac:dyDescent="0.3">
      <c r="B35" s="27"/>
      <c r="D35" s="34"/>
      <c r="E35" s="34"/>
      <c r="F35" s="34"/>
    </row>
    <row r="36" spans="2:7" s="25" customFormat="1" ht="93" customHeight="1" x14ac:dyDescent="0.25">
      <c r="B36" s="102" t="s">
        <v>0</v>
      </c>
      <c r="C36" s="103"/>
      <c r="D36" s="106" t="s">
        <v>54</v>
      </c>
      <c r="E36" s="107"/>
      <c r="F36" s="108"/>
      <c r="G36" s="35"/>
    </row>
    <row r="37" spans="2:7" s="25" customFormat="1" ht="30" customHeight="1" thickBot="1" x14ac:dyDescent="0.3">
      <c r="B37" s="104"/>
      <c r="C37" s="105"/>
      <c r="D37" s="58" t="s">
        <v>26</v>
      </c>
      <c r="E37" s="109" t="s">
        <v>27</v>
      </c>
      <c r="F37" s="110"/>
    </row>
    <row r="38" spans="2:7" s="36" customFormat="1" ht="30.75" customHeight="1" x14ac:dyDescent="0.25">
      <c r="B38" s="115" t="s">
        <v>82</v>
      </c>
      <c r="C38" s="116"/>
      <c r="D38" s="116"/>
      <c r="E38" s="116"/>
      <c r="F38" s="117"/>
    </row>
    <row r="39" spans="2:7" s="38" customFormat="1" ht="30" customHeight="1" x14ac:dyDescent="0.25">
      <c r="B39" s="64" t="s">
        <v>15</v>
      </c>
      <c r="C39" s="69" t="s">
        <v>134</v>
      </c>
      <c r="D39" s="37"/>
      <c r="E39" s="111"/>
      <c r="F39" s="112"/>
    </row>
    <row r="40" spans="2:7" s="38" customFormat="1" ht="27.75" customHeight="1" x14ac:dyDescent="0.25">
      <c r="B40" s="65" t="s">
        <v>83</v>
      </c>
      <c r="C40" s="70" t="s">
        <v>135</v>
      </c>
      <c r="D40" s="37"/>
      <c r="E40" s="111"/>
      <c r="F40" s="112"/>
    </row>
    <row r="41" spans="2:7" s="38" customFormat="1" ht="36.75" customHeight="1" x14ac:dyDescent="0.25">
      <c r="B41" s="65" t="s">
        <v>84</v>
      </c>
      <c r="C41" s="70" t="s">
        <v>136</v>
      </c>
      <c r="D41" s="37"/>
      <c r="E41" s="82"/>
      <c r="F41" s="83"/>
    </row>
    <row r="42" spans="2:7" s="38" customFormat="1" ht="34.5" customHeight="1" x14ac:dyDescent="0.25">
      <c r="B42" s="65" t="s">
        <v>85</v>
      </c>
      <c r="C42" s="70" t="s">
        <v>137</v>
      </c>
      <c r="D42" s="37"/>
      <c r="E42" s="82"/>
      <c r="F42" s="83"/>
    </row>
    <row r="43" spans="2:7" s="38" customFormat="1" ht="44.25" customHeight="1" x14ac:dyDescent="0.25">
      <c r="B43" s="65" t="s">
        <v>86</v>
      </c>
      <c r="C43" s="70" t="s">
        <v>138</v>
      </c>
      <c r="D43" s="37"/>
      <c r="E43" s="82"/>
      <c r="F43" s="83"/>
    </row>
    <row r="44" spans="2:7" s="38" customFormat="1" ht="33" customHeight="1" x14ac:dyDescent="0.25">
      <c r="B44" s="65" t="s">
        <v>87</v>
      </c>
      <c r="C44" s="70" t="s">
        <v>139</v>
      </c>
      <c r="D44" s="37"/>
      <c r="E44" s="82"/>
      <c r="F44" s="83"/>
    </row>
    <row r="45" spans="2:7" s="38" customFormat="1" ht="30" customHeight="1" x14ac:dyDescent="0.25">
      <c r="B45" s="64" t="s">
        <v>50</v>
      </c>
      <c r="C45" s="69" t="s">
        <v>140</v>
      </c>
      <c r="D45" s="37"/>
      <c r="E45" s="82"/>
      <c r="F45" s="83"/>
    </row>
    <row r="46" spans="2:7" s="38" customFormat="1" ht="41.25" customHeight="1" x14ac:dyDescent="0.25">
      <c r="B46" s="65" t="s">
        <v>88</v>
      </c>
      <c r="C46" s="70" t="s">
        <v>135</v>
      </c>
      <c r="D46" s="37"/>
      <c r="E46" s="82"/>
      <c r="F46" s="83"/>
    </row>
    <row r="47" spans="2:7" s="38" customFormat="1" ht="36.75" customHeight="1" x14ac:dyDescent="0.25">
      <c r="B47" s="65" t="s">
        <v>89</v>
      </c>
      <c r="C47" s="70" t="s">
        <v>141</v>
      </c>
      <c r="D47" s="37"/>
      <c r="E47" s="82"/>
      <c r="F47" s="83"/>
    </row>
    <row r="48" spans="2:7" s="38" customFormat="1" ht="30" customHeight="1" x14ac:dyDescent="0.25">
      <c r="B48" s="65" t="s">
        <v>90</v>
      </c>
      <c r="C48" s="70" t="s">
        <v>137</v>
      </c>
      <c r="D48" s="37"/>
      <c r="E48" s="82"/>
      <c r="F48" s="83"/>
    </row>
    <row r="49" spans="2:6" s="38" customFormat="1" ht="41.25" customHeight="1" x14ac:dyDescent="0.25">
      <c r="B49" s="65" t="s">
        <v>91</v>
      </c>
      <c r="C49" s="70" t="s">
        <v>138</v>
      </c>
      <c r="D49" s="37"/>
      <c r="E49" s="82"/>
      <c r="F49" s="83"/>
    </row>
    <row r="50" spans="2:6" s="38" customFormat="1" ht="36" customHeight="1" x14ac:dyDescent="0.25">
      <c r="B50" s="65" t="s">
        <v>92</v>
      </c>
      <c r="C50" s="70" t="s">
        <v>139</v>
      </c>
      <c r="D50" s="37"/>
      <c r="E50" s="82"/>
      <c r="F50" s="83"/>
    </row>
    <row r="51" spans="2:6" s="38" customFormat="1" ht="36.75" customHeight="1" x14ac:dyDescent="0.25">
      <c r="B51" s="64" t="s">
        <v>51</v>
      </c>
      <c r="C51" s="69" t="s">
        <v>142</v>
      </c>
      <c r="D51" s="37"/>
      <c r="E51" s="82"/>
      <c r="F51" s="83"/>
    </row>
    <row r="52" spans="2:6" s="38" customFormat="1" ht="30" customHeight="1" x14ac:dyDescent="0.25">
      <c r="B52" s="65" t="s">
        <v>74</v>
      </c>
      <c r="C52" s="70" t="s">
        <v>143</v>
      </c>
      <c r="D52" s="37"/>
      <c r="E52" s="82"/>
      <c r="F52" s="83"/>
    </row>
    <row r="53" spans="2:6" s="38" customFormat="1" ht="30" customHeight="1" x14ac:dyDescent="0.25">
      <c r="B53" s="65" t="s">
        <v>75</v>
      </c>
      <c r="C53" s="70" t="s">
        <v>144</v>
      </c>
      <c r="D53" s="37"/>
      <c r="E53" s="82"/>
      <c r="F53" s="83"/>
    </row>
    <row r="54" spans="2:6" s="38" customFormat="1" ht="30" customHeight="1" x14ac:dyDescent="0.25">
      <c r="B54" s="65" t="s">
        <v>76</v>
      </c>
      <c r="C54" s="70" t="s">
        <v>139</v>
      </c>
      <c r="D54" s="37"/>
      <c r="E54" s="82"/>
      <c r="F54" s="83"/>
    </row>
    <row r="55" spans="2:6" s="38" customFormat="1" ht="30" customHeight="1" x14ac:dyDescent="0.25">
      <c r="B55" s="66" t="s">
        <v>52</v>
      </c>
      <c r="C55" s="69" t="s">
        <v>145</v>
      </c>
      <c r="D55" s="37"/>
      <c r="E55" s="82"/>
      <c r="F55" s="83"/>
    </row>
    <row r="56" spans="2:6" s="38" customFormat="1" ht="30.75" customHeight="1" x14ac:dyDescent="0.25">
      <c r="B56" s="65" t="s">
        <v>93</v>
      </c>
      <c r="C56" s="70" t="s">
        <v>143</v>
      </c>
      <c r="D56" s="37"/>
      <c r="E56" s="82"/>
      <c r="F56" s="83"/>
    </row>
    <row r="57" spans="2:6" s="38" customFormat="1" ht="34.5" customHeight="1" x14ac:dyDescent="0.25">
      <c r="B57" s="65" t="s">
        <v>94</v>
      </c>
      <c r="C57" s="70" t="s">
        <v>146</v>
      </c>
      <c r="D57" s="37"/>
      <c r="E57" s="82"/>
      <c r="F57" s="83"/>
    </row>
    <row r="58" spans="2:6" s="38" customFormat="1" ht="30" customHeight="1" x14ac:dyDescent="0.25">
      <c r="B58" s="65" t="s">
        <v>95</v>
      </c>
      <c r="C58" s="70" t="s">
        <v>137</v>
      </c>
      <c r="D58" s="37"/>
      <c r="E58" s="82"/>
      <c r="F58" s="83"/>
    </row>
    <row r="59" spans="2:6" s="38" customFormat="1" ht="37.5" customHeight="1" x14ac:dyDescent="0.25">
      <c r="B59" s="65" t="s">
        <v>96</v>
      </c>
      <c r="C59" s="70" t="s">
        <v>138</v>
      </c>
      <c r="D59" s="37"/>
      <c r="E59" s="82"/>
      <c r="F59" s="83"/>
    </row>
    <row r="60" spans="2:6" s="38" customFormat="1" ht="38.25" customHeight="1" x14ac:dyDescent="0.25">
      <c r="B60" s="65" t="s">
        <v>97</v>
      </c>
      <c r="C60" s="70" t="s">
        <v>139</v>
      </c>
      <c r="D60" s="37"/>
      <c r="E60" s="82"/>
      <c r="F60" s="83"/>
    </row>
    <row r="61" spans="2:6" s="38" customFormat="1" ht="40.5" customHeight="1" x14ac:dyDescent="0.25">
      <c r="B61" s="65" t="s">
        <v>98</v>
      </c>
      <c r="C61" s="70" t="s">
        <v>147</v>
      </c>
      <c r="D61" s="37"/>
      <c r="E61" s="82"/>
      <c r="F61" s="83"/>
    </row>
    <row r="62" spans="2:6" s="38" customFormat="1" ht="34.5" customHeight="1" x14ac:dyDescent="0.25">
      <c r="B62" s="64" t="s">
        <v>65</v>
      </c>
      <c r="C62" s="69" t="s">
        <v>148</v>
      </c>
      <c r="D62" s="37"/>
      <c r="E62" s="82"/>
      <c r="F62" s="83"/>
    </row>
    <row r="63" spans="2:6" s="38" customFormat="1" ht="30" customHeight="1" x14ac:dyDescent="0.25">
      <c r="B63" s="65" t="s">
        <v>99</v>
      </c>
      <c r="C63" s="70" t="s">
        <v>143</v>
      </c>
      <c r="D63" s="37"/>
      <c r="E63" s="82"/>
      <c r="F63" s="83"/>
    </row>
    <row r="64" spans="2:6" s="38" customFormat="1" ht="30" customHeight="1" x14ac:dyDescent="0.25">
      <c r="B64" s="65" t="s">
        <v>100</v>
      </c>
      <c r="C64" s="70" t="s">
        <v>149</v>
      </c>
      <c r="D64" s="37"/>
      <c r="E64" s="82"/>
      <c r="F64" s="83"/>
    </row>
    <row r="65" spans="2:6" s="38" customFormat="1" ht="30" customHeight="1" x14ac:dyDescent="0.25">
      <c r="B65" s="65" t="s">
        <v>101</v>
      </c>
      <c r="C65" s="70" t="s">
        <v>137</v>
      </c>
      <c r="D65" s="37"/>
      <c r="E65" s="82"/>
      <c r="F65" s="83"/>
    </row>
    <row r="66" spans="2:6" s="38" customFormat="1" ht="30" customHeight="1" x14ac:dyDescent="0.25">
      <c r="B66" s="65" t="s">
        <v>102</v>
      </c>
      <c r="C66" s="70" t="s">
        <v>138</v>
      </c>
      <c r="D66" s="37"/>
      <c r="E66" s="82"/>
      <c r="F66" s="83"/>
    </row>
    <row r="67" spans="2:6" s="38" customFormat="1" ht="30" customHeight="1" x14ac:dyDescent="0.25">
      <c r="B67" s="65" t="s">
        <v>103</v>
      </c>
      <c r="C67" s="70" t="s">
        <v>147</v>
      </c>
      <c r="D67" s="37"/>
      <c r="E67" s="82"/>
      <c r="F67" s="83"/>
    </row>
    <row r="68" spans="2:6" s="38" customFormat="1" ht="30" customHeight="1" x14ac:dyDescent="0.25">
      <c r="B68" s="64" t="s">
        <v>66</v>
      </c>
      <c r="C68" s="69" t="s">
        <v>150</v>
      </c>
      <c r="D68" s="37"/>
      <c r="E68" s="82"/>
      <c r="F68" s="83"/>
    </row>
    <row r="69" spans="2:6" s="38" customFormat="1" ht="34.5" customHeight="1" x14ac:dyDescent="0.25">
      <c r="B69" s="65" t="s">
        <v>104</v>
      </c>
      <c r="C69" s="70" t="s">
        <v>151</v>
      </c>
      <c r="D69" s="37"/>
      <c r="E69" s="82"/>
      <c r="F69" s="83"/>
    </row>
    <row r="70" spans="2:6" s="38" customFormat="1" ht="30" customHeight="1" x14ac:dyDescent="0.25">
      <c r="B70" s="65" t="s">
        <v>105</v>
      </c>
      <c r="C70" s="70" t="s">
        <v>144</v>
      </c>
      <c r="D70" s="37"/>
      <c r="E70" s="82"/>
      <c r="F70" s="83"/>
    </row>
    <row r="71" spans="2:6" s="38" customFormat="1" ht="30" customHeight="1" x14ac:dyDescent="0.25">
      <c r="B71" s="65" t="s">
        <v>106</v>
      </c>
      <c r="C71" s="70" t="s">
        <v>139</v>
      </c>
      <c r="D71" s="37"/>
      <c r="E71" s="82"/>
      <c r="F71" s="83"/>
    </row>
    <row r="72" spans="2:6" s="38" customFormat="1" ht="32.25" customHeight="1" x14ac:dyDescent="0.25">
      <c r="B72" s="64" t="s">
        <v>67</v>
      </c>
      <c r="C72" s="69" t="s">
        <v>152</v>
      </c>
      <c r="D72" s="37"/>
      <c r="E72" s="82"/>
      <c r="F72" s="83"/>
    </row>
    <row r="73" spans="2:6" s="38" customFormat="1" ht="30" customHeight="1" x14ac:dyDescent="0.25">
      <c r="B73" s="65" t="s">
        <v>107</v>
      </c>
      <c r="C73" s="70" t="s">
        <v>151</v>
      </c>
      <c r="D73" s="37"/>
      <c r="E73" s="82"/>
      <c r="F73" s="83"/>
    </row>
    <row r="74" spans="2:6" s="38" customFormat="1" ht="44.25" customHeight="1" x14ac:dyDescent="0.25">
      <c r="B74" s="65" t="s">
        <v>108</v>
      </c>
      <c r="C74" s="70" t="s">
        <v>146</v>
      </c>
      <c r="D74" s="37"/>
      <c r="E74" s="82"/>
      <c r="F74" s="83"/>
    </row>
    <row r="75" spans="2:6" s="38" customFormat="1" ht="30" customHeight="1" x14ac:dyDescent="0.25">
      <c r="B75" s="65" t="s">
        <v>109</v>
      </c>
      <c r="C75" s="70" t="s">
        <v>137</v>
      </c>
      <c r="D75" s="37"/>
      <c r="E75" s="82"/>
      <c r="F75" s="83"/>
    </row>
    <row r="76" spans="2:6" s="38" customFormat="1" ht="30" customHeight="1" x14ac:dyDescent="0.25">
      <c r="B76" s="65" t="s">
        <v>110</v>
      </c>
      <c r="C76" s="70" t="s">
        <v>138</v>
      </c>
      <c r="D76" s="37"/>
      <c r="E76" s="82"/>
      <c r="F76" s="83"/>
    </row>
    <row r="77" spans="2:6" s="38" customFormat="1" ht="30" customHeight="1" x14ac:dyDescent="0.25">
      <c r="B77" s="65" t="s">
        <v>111</v>
      </c>
      <c r="C77" s="70" t="s">
        <v>139</v>
      </c>
      <c r="D77" s="37"/>
      <c r="E77" s="82"/>
      <c r="F77" s="83"/>
    </row>
    <row r="78" spans="2:6" s="38" customFormat="1" ht="30" customHeight="1" x14ac:dyDescent="0.25">
      <c r="B78" s="65" t="s">
        <v>112</v>
      </c>
      <c r="C78" s="70" t="s">
        <v>147</v>
      </c>
      <c r="D78" s="37"/>
      <c r="E78" s="82"/>
      <c r="F78" s="83"/>
    </row>
    <row r="79" spans="2:6" s="38" customFormat="1" ht="30" customHeight="1" x14ac:dyDescent="0.25">
      <c r="B79" s="64" t="s">
        <v>70</v>
      </c>
      <c r="C79" s="69" t="s">
        <v>153</v>
      </c>
      <c r="D79" s="37"/>
      <c r="E79" s="82"/>
      <c r="F79" s="83"/>
    </row>
    <row r="80" spans="2:6" s="38" customFormat="1" ht="34.5" customHeight="1" x14ac:dyDescent="0.25">
      <c r="B80" s="65" t="s">
        <v>113</v>
      </c>
      <c r="C80" s="70" t="s">
        <v>151</v>
      </c>
      <c r="D80" s="37"/>
      <c r="E80" s="82"/>
      <c r="F80" s="83"/>
    </row>
    <row r="81" spans="2:6" s="38" customFormat="1" ht="35.25" customHeight="1" x14ac:dyDescent="0.25">
      <c r="B81" s="65" t="s">
        <v>114</v>
      </c>
      <c r="C81" s="70" t="s">
        <v>149</v>
      </c>
      <c r="D81" s="37"/>
      <c r="E81" s="82"/>
      <c r="F81" s="83"/>
    </row>
    <row r="82" spans="2:6" s="38" customFormat="1" ht="32.25" customHeight="1" x14ac:dyDescent="0.25">
      <c r="B82" s="65" t="s">
        <v>115</v>
      </c>
      <c r="C82" s="70" t="s">
        <v>137</v>
      </c>
      <c r="D82" s="37"/>
      <c r="E82" s="82"/>
      <c r="F82" s="83"/>
    </row>
    <row r="83" spans="2:6" s="38" customFormat="1" ht="34.5" customHeight="1" x14ac:dyDescent="0.25">
      <c r="B83" s="65" t="s">
        <v>116</v>
      </c>
      <c r="C83" s="70" t="s">
        <v>138</v>
      </c>
      <c r="D83" s="37"/>
      <c r="E83" s="82"/>
      <c r="F83" s="83"/>
    </row>
    <row r="84" spans="2:6" s="38" customFormat="1" ht="27" customHeight="1" x14ac:dyDescent="0.25">
      <c r="B84" s="65" t="s">
        <v>117</v>
      </c>
      <c r="C84" s="70" t="s">
        <v>147</v>
      </c>
      <c r="D84" s="37"/>
      <c r="E84" s="82"/>
      <c r="F84" s="83"/>
    </row>
    <row r="85" spans="2:6" s="38" customFormat="1" ht="30" customHeight="1" x14ac:dyDescent="0.25">
      <c r="B85" s="64" t="s">
        <v>71</v>
      </c>
      <c r="C85" s="69" t="s">
        <v>154</v>
      </c>
      <c r="D85" s="37"/>
      <c r="E85" s="82"/>
      <c r="F85" s="83"/>
    </row>
    <row r="86" spans="2:6" s="38" customFormat="1" ht="30" customHeight="1" x14ac:dyDescent="0.25">
      <c r="B86" s="65" t="s">
        <v>118</v>
      </c>
      <c r="C86" s="70" t="s">
        <v>155</v>
      </c>
      <c r="D86" s="37"/>
      <c r="E86" s="82"/>
      <c r="F86" s="83"/>
    </row>
    <row r="87" spans="2:6" s="38" customFormat="1" ht="36" customHeight="1" x14ac:dyDescent="0.25">
      <c r="B87" s="65" t="s">
        <v>119</v>
      </c>
      <c r="C87" s="70" t="s">
        <v>146</v>
      </c>
      <c r="D87" s="37"/>
      <c r="E87" s="82"/>
      <c r="F87" s="83"/>
    </row>
    <row r="88" spans="2:6" s="38" customFormat="1" ht="36.75" customHeight="1" x14ac:dyDescent="0.25">
      <c r="B88" s="65" t="s">
        <v>120</v>
      </c>
      <c r="C88" s="70" t="s">
        <v>137</v>
      </c>
      <c r="D88" s="37"/>
      <c r="E88" s="82"/>
      <c r="F88" s="83"/>
    </row>
    <row r="89" spans="2:6" s="38" customFormat="1" ht="27.75" customHeight="1" x14ac:dyDescent="0.25">
      <c r="B89" s="65" t="s">
        <v>121</v>
      </c>
      <c r="C89" s="70" t="s">
        <v>138</v>
      </c>
      <c r="D89" s="37"/>
      <c r="E89" s="82"/>
      <c r="F89" s="83"/>
    </row>
    <row r="90" spans="2:6" s="38" customFormat="1" ht="33" customHeight="1" x14ac:dyDescent="0.25">
      <c r="B90" s="65" t="s">
        <v>122</v>
      </c>
      <c r="C90" s="70" t="s">
        <v>139</v>
      </c>
      <c r="D90" s="37"/>
      <c r="E90" s="82"/>
      <c r="F90" s="83"/>
    </row>
    <row r="91" spans="2:6" s="38" customFormat="1" ht="34.5" customHeight="1" x14ac:dyDescent="0.25">
      <c r="B91" s="65" t="s">
        <v>123</v>
      </c>
      <c r="C91" s="70" t="s">
        <v>156</v>
      </c>
      <c r="D91" s="37"/>
      <c r="E91" s="82"/>
      <c r="F91" s="83"/>
    </row>
    <row r="92" spans="2:6" s="38" customFormat="1" ht="30" customHeight="1" x14ac:dyDescent="0.25">
      <c r="B92" s="64" t="s">
        <v>72</v>
      </c>
      <c r="C92" s="69" t="s">
        <v>157</v>
      </c>
      <c r="D92" s="37"/>
      <c r="E92" s="111"/>
      <c r="F92" s="112"/>
    </row>
    <row r="93" spans="2:6" s="38" customFormat="1" ht="27.75" customHeight="1" x14ac:dyDescent="0.25">
      <c r="B93" s="65" t="s">
        <v>124</v>
      </c>
      <c r="C93" s="70" t="s">
        <v>155</v>
      </c>
      <c r="D93" s="37"/>
      <c r="E93" s="111"/>
      <c r="F93" s="112"/>
    </row>
    <row r="94" spans="2:6" s="38" customFormat="1" ht="36.75" customHeight="1" x14ac:dyDescent="0.25">
      <c r="B94" s="65" t="s">
        <v>125</v>
      </c>
      <c r="C94" s="70" t="s">
        <v>149</v>
      </c>
      <c r="D94" s="37"/>
      <c r="E94" s="82"/>
      <c r="F94" s="83"/>
    </row>
    <row r="95" spans="2:6" s="38" customFormat="1" ht="34.5" customHeight="1" x14ac:dyDescent="0.25">
      <c r="B95" s="65" t="s">
        <v>126</v>
      </c>
      <c r="C95" s="70" t="s">
        <v>137</v>
      </c>
      <c r="D95" s="37"/>
      <c r="E95" s="82"/>
      <c r="F95" s="83"/>
    </row>
    <row r="96" spans="2:6" s="38" customFormat="1" ht="44.25" customHeight="1" x14ac:dyDescent="0.25">
      <c r="B96" s="65" t="s">
        <v>127</v>
      </c>
      <c r="C96" s="71" t="s">
        <v>138</v>
      </c>
      <c r="D96" s="37"/>
      <c r="E96" s="82"/>
      <c r="F96" s="83"/>
    </row>
    <row r="97" spans="2:6" s="38" customFormat="1" ht="38.25" customHeight="1" x14ac:dyDescent="0.25">
      <c r="B97" s="65" t="s">
        <v>128</v>
      </c>
      <c r="C97" s="71" t="s">
        <v>147</v>
      </c>
      <c r="D97" s="37"/>
      <c r="E97" s="82"/>
      <c r="F97" s="83"/>
    </row>
    <row r="98" spans="2:6" s="38" customFormat="1" ht="30" customHeight="1" x14ac:dyDescent="0.25">
      <c r="B98" s="64" t="s">
        <v>73</v>
      </c>
      <c r="C98" s="69" t="s">
        <v>158</v>
      </c>
      <c r="D98" s="37"/>
      <c r="E98" s="82"/>
      <c r="F98" s="83"/>
    </row>
    <row r="99" spans="2:6" s="38" customFormat="1" ht="41.25" customHeight="1" x14ac:dyDescent="0.25">
      <c r="B99" s="67" t="s">
        <v>129</v>
      </c>
      <c r="C99" s="70" t="s">
        <v>159</v>
      </c>
      <c r="D99" s="37"/>
      <c r="E99" s="82"/>
      <c r="F99" s="83"/>
    </row>
    <row r="100" spans="2:6" s="38" customFormat="1" ht="36.75" customHeight="1" x14ac:dyDescent="0.25">
      <c r="B100" s="67" t="s">
        <v>130</v>
      </c>
      <c r="C100" s="70" t="s">
        <v>160</v>
      </c>
      <c r="D100" s="37"/>
      <c r="E100" s="82"/>
      <c r="F100" s="83"/>
    </row>
    <row r="101" spans="2:6" s="38" customFormat="1" ht="30" customHeight="1" x14ac:dyDescent="0.25">
      <c r="B101" s="67" t="s">
        <v>131</v>
      </c>
      <c r="C101" s="70" t="s">
        <v>161</v>
      </c>
      <c r="D101" s="37"/>
      <c r="E101" s="82"/>
      <c r="F101" s="83"/>
    </row>
    <row r="102" spans="2:6" s="38" customFormat="1" ht="41.25" customHeight="1" x14ac:dyDescent="0.25">
      <c r="B102" s="67" t="s">
        <v>132</v>
      </c>
      <c r="C102" s="70" t="s">
        <v>162</v>
      </c>
      <c r="D102" s="37"/>
      <c r="E102" s="82"/>
      <c r="F102" s="83"/>
    </row>
    <row r="103" spans="2:6" s="38" customFormat="1" ht="55.5" customHeight="1" thickBot="1" x14ac:dyDescent="0.3">
      <c r="B103" s="68" t="s">
        <v>133</v>
      </c>
      <c r="C103" s="72" t="s">
        <v>163</v>
      </c>
      <c r="D103" s="57"/>
      <c r="E103" s="98"/>
      <c r="F103" s="99"/>
    </row>
    <row r="104" spans="2:6" s="25" customFormat="1" ht="17.25" customHeight="1" x14ac:dyDescent="0.25">
      <c r="B104" s="39"/>
      <c r="C104" s="40"/>
      <c r="D104" s="41"/>
      <c r="E104" s="41"/>
      <c r="F104" s="42"/>
    </row>
    <row r="105" spans="2:6" s="16" customFormat="1" ht="20.100000000000001" customHeight="1" x14ac:dyDescent="0.25">
      <c r="B105" s="86" t="s">
        <v>42</v>
      </c>
      <c r="C105" s="86"/>
      <c r="D105" s="86"/>
      <c r="E105" s="86"/>
      <c r="F105" s="86"/>
    </row>
    <row r="106" spans="2:6" s="16" customFormat="1" ht="5.0999999999999996" customHeight="1" thickBot="1" x14ac:dyDescent="0.3">
      <c r="B106" s="27"/>
      <c r="D106" s="34"/>
      <c r="E106" s="34"/>
      <c r="F106" s="34"/>
    </row>
    <row r="107" spans="2:6" s="25" customFormat="1" ht="69" customHeight="1" x14ac:dyDescent="0.25">
      <c r="B107" s="102" t="s">
        <v>8</v>
      </c>
      <c r="C107" s="103"/>
      <c r="D107" s="106" t="s">
        <v>55</v>
      </c>
      <c r="E107" s="107"/>
      <c r="F107" s="108"/>
    </row>
    <row r="108" spans="2:6" s="25" customFormat="1" ht="30" customHeight="1" thickBot="1" x14ac:dyDescent="0.3">
      <c r="B108" s="145"/>
      <c r="C108" s="146"/>
      <c r="D108" s="63" t="s">
        <v>7</v>
      </c>
      <c r="E108" s="147" t="s">
        <v>28</v>
      </c>
      <c r="F108" s="148"/>
    </row>
    <row r="109" spans="2:6" s="16" customFormat="1" ht="46.5" customHeight="1" x14ac:dyDescent="0.25">
      <c r="B109" s="149" t="s">
        <v>15</v>
      </c>
      <c r="C109" s="150" t="s">
        <v>164</v>
      </c>
      <c r="D109" s="62"/>
      <c r="E109" s="143"/>
      <c r="F109" s="144"/>
    </row>
    <row r="110" spans="2:6" s="16" customFormat="1" ht="64.5" customHeight="1" x14ac:dyDescent="0.25">
      <c r="B110" s="151" t="s">
        <v>50</v>
      </c>
      <c r="C110" s="74" t="s">
        <v>165</v>
      </c>
      <c r="D110" s="37"/>
      <c r="E110" s="135"/>
      <c r="F110" s="136"/>
    </row>
    <row r="111" spans="2:6" s="16" customFormat="1" ht="32.25" customHeight="1" x14ac:dyDescent="0.25">
      <c r="B111" s="151" t="s">
        <v>51</v>
      </c>
      <c r="C111" s="152" t="s">
        <v>166</v>
      </c>
      <c r="D111" s="37"/>
      <c r="E111" s="135"/>
      <c r="F111" s="136"/>
    </row>
    <row r="112" spans="2:6" s="16" customFormat="1" ht="33" customHeight="1" x14ac:dyDescent="0.25">
      <c r="B112" s="153" t="s">
        <v>74</v>
      </c>
      <c r="C112" s="154" t="s">
        <v>167</v>
      </c>
      <c r="D112" s="37"/>
      <c r="E112" s="135"/>
      <c r="F112" s="136"/>
    </row>
    <row r="113" spans="2:6" s="16" customFormat="1" ht="31.5" customHeight="1" x14ac:dyDescent="0.25">
      <c r="B113" s="153" t="s">
        <v>75</v>
      </c>
      <c r="C113" s="155" t="s">
        <v>168</v>
      </c>
      <c r="D113" s="37"/>
      <c r="E113" s="135"/>
      <c r="F113" s="136"/>
    </row>
    <row r="114" spans="2:6" s="16" customFormat="1" ht="54" customHeight="1" x14ac:dyDescent="0.25">
      <c r="B114" s="153" t="s">
        <v>76</v>
      </c>
      <c r="C114" s="155" t="s">
        <v>169</v>
      </c>
      <c r="D114" s="37"/>
      <c r="E114" s="135"/>
      <c r="F114" s="136"/>
    </row>
    <row r="115" spans="2:6" s="16" customFormat="1" ht="141" customHeight="1" x14ac:dyDescent="0.25">
      <c r="B115" s="153" t="s">
        <v>170</v>
      </c>
      <c r="C115" s="156" t="s">
        <v>171</v>
      </c>
      <c r="D115" s="37"/>
      <c r="E115" s="135"/>
      <c r="F115" s="136"/>
    </row>
    <row r="116" spans="2:6" s="16" customFormat="1" ht="128.25" customHeight="1" x14ac:dyDescent="0.25">
      <c r="B116" s="149" t="s">
        <v>52</v>
      </c>
      <c r="C116" s="73" t="s">
        <v>172</v>
      </c>
      <c r="D116" s="37"/>
      <c r="E116" s="135"/>
      <c r="F116" s="136"/>
    </row>
    <row r="117" spans="2:6" s="16" customFormat="1" ht="324" customHeight="1" x14ac:dyDescent="0.25">
      <c r="B117" s="149" t="s">
        <v>65</v>
      </c>
      <c r="C117" s="157" t="s">
        <v>173</v>
      </c>
      <c r="D117" s="37"/>
      <c r="E117" s="135"/>
      <c r="F117" s="136"/>
    </row>
    <row r="118" spans="2:6" s="16" customFormat="1" ht="142.5" customHeight="1" x14ac:dyDescent="0.25">
      <c r="B118" s="149" t="s">
        <v>66</v>
      </c>
      <c r="C118" s="74" t="s">
        <v>174</v>
      </c>
      <c r="D118" s="37"/>
      <c r="E118" s="135"/>
      <c r="F118" s="136"/>
    </row>
    <row r="119" spans="2:6" s="16" customFormat="1" ht="246" customHeight="1" x14ac:dyDescent="0.25">
      <c r="B119" s="149" t="s">
        <v>67</v>
      </c>
      <c r="C119" s="74" t="s">
        <v>175</v>
      </c>
      <c r="D119" s="37"/>
      <c r="E119" s="135"/>
      <c r="F119" s="136"/>
    </row>
    <row r="120" spans="2:6" s="16" customFormat="1" ht="138.75" customHeight="1" x14ac:dyDescent="0.25">
      <c r="B120" s="149" t="s">
        <v>70</v>
      </c>
      <c r="C120" s="74" t="s">
        <v>176</v>
      </c>
      <c r="D120" s="37"/>
      <c r="E120" s="135"/>
      <c r="F120" s="136"/>
    </row>
    <row r="121" spans="2:6" s="16" customFormat="1" ht="114" customHeight="1" x14ac:dyDescent="0.25">
      <c r="B121" s="149" t="s">
        <v>71</v>
      </c>
      <c r="C121" s="157" t="s">
        <v>177</v>
      </c>
      <c r="D121" s="37"/>
      <c r="E121" s="135"/>
      <c r="F121" s="136"/>
    </row>
    <row r="122" spans="2:6" s="16" customFormat="1" ht="88.5" customHeight="1" x14ac:dyDescent="0.25">
      <c r="B122" s="149" t="s">
        <v>72</v>
      </c>
      <c r="C122" s="74" t="s">
        <v>178</v>
      </c>
      <c r="D122" s="37"/>
      <c r="E122" s="135"/>
      <c r="F122" s="136"/>
    </row>
    <row r="123" spans="2:6" s="16" customFormat="1" ht="93.75" customHeight="1" x14ac:dyDescent="0.25">
      <c r="B123" s="158" t="s">
        <v>73</v>
      </c>
      <c r="C123" s="74" t="s">
        <v>179</v>
      </c>
      <c r="D123" s="37"/>
      <c r="E123" s="135"/>
      <c r="F123" s="136"/>
    </row>
    <row r="124" spans="2:6" s="16" customFormat="1" ht="41.25" customHeight="1" x14ac:dyDescent="0.25">
      <c r="B124" s="158" t="s">
        <v>180</v>
      </c>
      <c r="C124" s="74" t="s">
        <v>181</v>
      </c>
      <c r="D124" s="37"/>
      <c r="E124" s="135"/>
      <c r="F124" s="136"/>
    </row>
    <row r="125" spans="2:6" s="16" customFormat="1" ht="52.5" customHeight="1" x14ac:dyDescent="0.25">
      <c r="B125" s="158" t="s">
        <v>182</v>
      </c>
      <c r="C125" s="74" t="s">
        <v>183</v>
      </c>
      <c r="D125" s="37"/>
      <c r="E125" s="135"/>
      <c r="F125" s="136"/>
    </row>
    <row r="126" spans="2:6" s="16" customFormat="1" ht="82.5" customHeight="1" x14ac:dyDescent="0.25">
      <c r="B126" s="149" t="s">
        <v>184</v>
      </c>
      <c r="C126" s="74" t="s">
        <v>185</v>
      </c>
      <c r="D126" s="37"/>
      <c r="E126" s="135"/>
      <c r="F126" s="136"/>
    </row>
    <row r="127" spans="2:6" s="16" customFormat="1" ht="215.25" customHeight="1" x14ac:dyDescent="0.25">
      <c r="B127" s="149" t="s">
        <v>186</v>
      </c>
      <c r="C127" s="74" t="s">
        <v>187</v>
      </c>
      <c r="D127" s="37"/>
      <c r="E127" s="135"/>
      <c r="F127" s="136"/>
    </row>
    <row r="128" spans="2:6" s="16" customFormat="1" ht="222" customHeight="1" x14ac:dyDescent="0.25">
      <c r="B128" s="149" t="s">
        <v>188</v>
      </c>
      <c r="C128" s="74" t="s">
        <v>189</v>
      </c>
      <c r="D128" s="37"/>
      <c r="E128" s="135"/>
      <c r="F128" s="136"/>
    </row>
    <row r="129" spans="2:7" s="16" customFormat="1" ht="124.5" customHeight="1" x14ac:dyDescent="0.25">
      <c r="B129" s="149" t="s">
        <v>190</v>
      </c>
      <c r="C129" s="74" t="s">
        <v>191</v>
      </c>
      <c r="D129" s="75"/>
      <c r="E129" s="141"/>
      <c r="F129" s="142"/>
    </row>
    <row r="130" spans="2:7" s="25" customFormat="1" ht="49.5" customHeight="1" x14ac:dyDescent="0.25">
      <c r="B130" s="149" t="s">
        <v>192</v>
      </c>
      <c r="C130" s="74" t="s">
        <v>193</v>
      </c>
      <c r="D130" s="76"/>
      <c r="E130" s="76"/>
      <c r="F130" s="77"/>
      <c r="G130" s="16"/>
    </row>
    <row r="131" spans="2:7" s="16" customFormat="1" ht="18.75" customHeight="1" x14ac:dyDescent="0.25">
      <c r="B131" s="86" t="s">
        <v>47</v>
      </c>
      <c r="C131" s="86"/>
      <c r="D131" s="86"/>
      <c r="E131" s="86"/>
      <c r="F131" s="86"/>
    </row>
    <row r="132" spans="2:7" s="16" customFormat="1" ht="4.5" customHeight="1" thickBot="1" x14ac:dyDescent="0.3"/>
    <row r="133" spans="2:7" s="16" customFormat="1" ht="80.25" customHeight="1" x14ac:dyDescent="0.25">
      <c r="B133" s="119" t="s">
        <v>69</v>
      </c>
      <c r="C133" s="120"/>
      <c r="D133" s="123" t="s">
        <v>48</v>
      </c>
      <c r="E133" s="124"/>
      <c r="F133" s="125"/>
    </row>
    <row r="134" spans="2:7" s="25" customFormat="1" ht="29.25" customHeight="1" thickBot="1" x14ac:dyDescent="0.3">
      <c r="B134" s="121"/>
      <c r="C134" s="122"/>
      <c r="D134" s="59" t="s">
        <v>7</v>
      </c>
      <c r="E134" s="126" t="s">
        <v>28</v>
      </c>
      <c r="F134" s="127"/>
      <c r="G134" s="16"/>
    </row>
    <row r="135" spans="2:7" s="25" customFormat="1" ht="130.5" customHeight="1" x14ac:dyDescent="0.25">
      <c r="B135" s="159" t="s">
        <v>15</v>
      </c>
      <c r="C135" s="160" t="s">
        <v>64</v>
      </c>
      <c r="D135" s="43"/>
      <c r="E135" s="139"/>
      <c r="F135" s="140"/>
      <c r="G135" s="16"/>
    </row>
    <row r="136" spans="2:7" s="25" customFormat="1" ht="31.5" customHeight="1" x14ac:dyDescent="0.25">
      <c r="B136" s="161" t="s">
        <v>50</v>
      </c>
      <c r="C136" s="162" t="s">
        <v>58</v>
      </c>
      <c r="D136" s="60"/>
      <c r="E136" s="135"/>
      <c r="F136" s="136"/>
      <c r="G136" s="16"/>
    </row>
    <row r="137" spans="2:7" s="25" customFormat="1" ht="30" customHeight="1" x14ac:dyDescent="0.25">
      <c r="B137" s="163" t="s">
        <v>51</v>
      </c>
      <c r="C137" s="162" t="s">
        <v>49</v>
      </c>
      <c r="D137" s="60"/>
      <c r="E137" s="135"/>
      <c r="F137" s="136"/>
      <c r="G137" s="16"/>
    </row>
    <row r="138" spans="2:7" s="25" customFormat="1" ht="45.75" customHeight="1" thickBot="1" x14ac:dyDescent="0.3">
      <c r="B138" s="164" t="s">
        <v>52</v>
      </c>
      <c r="C138" s="165" t="s">
        <v>68</v>
      </c>
      <c r="D138" s="44"/>
      <c r="E138" s="137"/>
      <c r="F138" s="138"/>
      <c r="G138" s="16"/>
    </row>
    <row r="139" spans="2:7" s="16" customFormat="1" ht="15" customHeight="1" x14ac:dyDescent="0.25">
      <c r="B139" s="40"/>
      <c r="C139" s="40"/>
      <c r="D139" s="41"/>
      <c r="E139" s="41"/>
      <c r="F139" s="42"/>
    </row>
    <row r="140" spans="2:7" s="16" customFormat="1" ht="20.100000000000001" customHeight="1" x14ac:dyDescent="0.25">
      <c r="B140" s="86" t="s">
        <v>14</v>
      </c>
      <c r="C140" s="86"/>
      <c r="D140" s="86"/>
      <c r="E140" s="86"/>
      <c r="F140" s="86"/>
    </row>
    <row r="141" spans="2:7" s="25" customFormat="1" ht="24.75" customHeight="1" x14ac:dyDescent="0.25">
      <c r="B141" s="40" t="s">
        <v>16</v>
      </c>
      <c r="C141" s="132" t="s">
        <v>59</v>
      </c>
      <c r="D141" s="132"/>
      <c r="E141" s="132"/>
      <c r="F141" s="132"/>
      <c r="G141" s="16"/>
    </row>
    <row r="142" spans="2:7" s="25" customFormat="1" ht="23.25" customHeight="1" x14ac:dyDescent="0.25">
      <c r="B142" s="40" t="s">
        <v>62</v>
      </c>
      <c r="C142" s="132" t="s">
        <v>63</v>
      </c>
      <c r="D142" s="132"/>
      <c r="E142" s="132"/>
      <c r="F142" s="132"/>
      <c r="G142" s="16"/>
    </row>
    <row r="143" spans="2:7" s="45" customFormat="1" ht="30" customHeight="1" x14ac:dyDescent="0.25">
      <c r="B143" s="133" t="s">
        <v>29</v>
      </c>
      <c r="C143" s="133"/>
      <c r="D143" s="133"/>
      <c r="E143" s="133"/>
      <c r="F143" s="25"/>
      <c r="G143" s="16"/>
    </row>
    <row r="144" spans="2:7" s="16" customFormat="1" ht="24.95" customHeight="1" x14ac:dyDescent="0.25">
      <c r="B144" s="46" t="s">
        <v>30</v>
      </c>
      <c r="C144" s="130"/>
      <c r="D144" s="130"/>
      <c r="F144" s="45"/>
    </row>
    <row r="145" spans="1:15" s="16" customFormat="1" ht="24.95" customHeight="1" x14ac:dyDescent="0.25">
      <c r="B145" s="46" t="s">
        <v>31</v>
      </c>
      <c r="C145" s="130"/>
      <c r="D145" s="130"/>
      <c r="F145" s="45"/>
    </row>
    <row r="146" spans="1:15" s="16" customFormat="1" ht="24.95" customHeight="1" x14ac:dyDescent="0.25">
      <c r="B146" s="46" t="s">
        <v>32</v>
      </c>
      <c r="C146" s="130"/>
      <c r="D146" s="130"/>
      <c r="F146" s="45"/>
    </row>
    <row r="147" spans="1:15" s="25" customFormat="1" ht="24.95" customHeight="1" x14ac:dyDescent="0.25">
      <c r="B147" s="46" t="s">
        <v>33</v>
      </c>
      <c r="C147" s="130"/>
      <c r="D147" s="130"/>
      <c r="E147" s="16"/>
      <c r="F147" s="47"/>
      <c r="G147" s="16"/>
    </row>
    <row r="148" spans="1:15" s="16" customFormat="1" ht="14.25" customHeight="1" x14ac:dyDescent="0.2">
      <c r="B148" s="48"/>
      <c r="C148" s="1"/>
      <c r="D148" s="1"/>
      <c r="F148" s="49"/>
    </row>
    <row r="149" spans="1:15" s="25" customFormat="1" ht="15" customHeight="1" x14ac:dyDescent="0.25">
      <c r="B149" s="134" t="s">
        <v>34</v>
      </c>
      <c r="C149" s="134"/>
      <c r="D149" s="134"/>
      <c r="E149" s="134"/>
      <c r="F149" s="134"/>
    </row>
    <row r="150" spans="1:15" s="16" customFormat="1" ht="36.75" customHeight="1" x14ac:dyDescent="0.25">
      <c r="B150" s="131" t="s">
        <v>61</v>
      </c>
      <c r="C150" s="131"/>
      <c r="D150" s="131"/>
      <c r="E150" s="131"/>
      <c r="F150" s="131"/>
    </row>
    <row r="151" spans="1:15" s="16" customFormat="1" ht="20.100000000000001" customHeight="1" x14ac:dyDescent="0.2">
      <c r="B151" s="11"/>
      <c r="C151" s="11"/>
      <c r="D151" s="26"/>
      <c r="E151" s="26"/>
    </row>
    <row r="152" spans="1:15" s="25" customFormat="1" ht="4.5" customHeight="1" x14ac:dyDescent="0.2">
      <c r="B152" s="11"/>
      <c r="C152" s="11"/>
      <c r="D152" s="26"/>
      <c r="E152" s="26"/>
      <c r="F152" s="16"/>
    </row>
    <row r="153" spans="1:15" s="25" customFormat="1" ht="20.100000000000001" customHeight="1" x14ac:dyDescent="0.25">
      <c r="B153" s="50" t="s">
        <v>35</v>
      </c>
      <c r="C153" s="51"/>
      <c r="D153" s="52" t="s">
        <v>36</v>
      </c>
      <c r="E153" s="128"/>
      <c r="F153" s="128"/>
    </row>
    <row r="154" spans="1:15" s="25" customFormat="1" ht="20.100000000000001" customHeight="1" x14ac:dyDescent="0.25">
      <c r="B154" s="53"/>
      <c r="C154" s="53"/>
      <c r="D154" s="53"/>
      <c r="E154" s="54"/>
      <c r="F154" s="54"/>
    </row>
    <row r="155" spans="1:15" ht="20.100000000000001" customHeight="1" x14ac:dyDescent="0.2">
      <c r="B155" s="50" t="s">
        <v>37</v>
      </c>
      <c r="C155" s="51"/>
      <c r="D155" s="55" t="s">
        <v>38</v>
      </c>
      <c r="E155" s="129"/>
      <c r="F155" s="129"/>
    </row>
    <row r="156" spans="1:15" s="16" customFormat="1" ht="20.100000000000001" customHeight="1" x14ac:dyDescent="0.2">
      <c r="B156" s="11"/>
      <c r="C156" s="11"/>
      <c r="D156" s="55" t="s">
        <v>39</v>
      </c>
      <c r="E156" s="130"/>
      <c r="F156" s="130"/>
    </row>
    <row r="157" spans="1:15" s="16" customFormat="1" ht="20.100000000000001" customHeight="1" x14ac:dyDescent="0.2">
      <c r="B157" s="11"/>
      <c r="C157" s="11"/>
      <c r="D157" s="56" t="s">
        <v>40</v>
      </c>
      <c r="E157" s="11"/>
    </row>
    <row r="158" spans="1:15" s="1" customFormat="1" ht="12" x14ac:dyDescent="0.2">
      <c r="A158" s="118" t="s">
        <v>56</v>
      </c>
      <c r="B158" s="118"/>
      <c r="D158" s="78"/>
      <c r="E158" s="78"/>
      <c r="F158" s="2"/>
      <c r="G158" s="2"/>
      <c r="H158" s="2"/>
      <c r="I158" s="2"/>
      <c r="J158" s="2"/>
      <c r="K158" s="2"/>
      <c r="L158" s="2"/>
      <c r="M158" s="3"/>
      <c r="O158" s="3"/>
    </row>
    <row r="159" spans="1:15" s="10" customFormat="1" ht="15" x14ac:dyDescent="0.25">
      <c r="A159" s="4"/>
      <c r="B159" s="5" t="s">
        <v>57</v>
      </c>
      <c r="C159" s="6"/>
      <c r="D159" s="7"/>
      <c r="E159" s="7"/>
      <c r="F159" s="8"/>
      <c r="G159" s="8"/>
      <c r="H159" s="8"/>
      <c r="I159" s="8"/>
      <c r="J159" s="8"/>
      <c r="K159" s="8"/>
      <c r="L159" s="8"/>
      <c r="M159" s="9"/>
      <c r="O159" s="9"/>
    </row>
    <row r="160" spans="1:15" s="16" customFormat="1" ht="24" customHeight="1" x14ac:dyDescent="0.25"/>
    <row r="161" spans="2:5" s="16" customFormat="1" ht="24" customHeight="1" x14ac:dyDescent="0.25"/>
    <row r="162" spans="2:5" s="16" customFormat="1" ht="24" customHeight="1" x14ac:dyDescent="0.25"/>
    <row r="163" spans="2:5" s="16" customFormat="1" ht="20.100000000000001" customHeight="1" x14ac:dyDescent="0.25"/>
    <row r="164" spans="2:5" s="16" customFormat="1" ht="20.100000000000001" customHeight="1" x14ac:dyDescent="0.25"/>
    <row r="165" spans="2:5" s="16" customFormat="1" ht="50.1" customHeight="1" x14ac:dyDescent="0.25"/>
    <row r="166" spans="2:5" s="16" customFormat="1" ht="43.5" customHeight="1" x14ac:dyDescent="0.25"/>
    <row r="167" spans="2:5" ht="24.75" customHeight="1" x14ac:dyDescent="0.2">
      <c r="B167" s="16"/>
      <c r="C167" s="16"/>
      <c r="D167" s="16"/>
      <c r="E167" s="16"/>
    </row>
    <row r="168" spans="2:5" x14ac:dyDescent="0.2">
      <c r="B168" s="16"/>
      <c r="C168" s="16"/>
      <c r="D168" s="16"/>
      <c r="E168" s="16"/>
    </row>
    <row r="169" spans="2:5" ht="20.100000000000001" customHeight="1" x14ac:dyDescent="0.2"/>
    <row r="170" spans="2:5" ht="4.5" customHeight="1" x14ac:dyDescent="0.2"/>
    <row r="171" spans="2:5" ht="20.100000000000001" customHeight="1" x14ac:dyDescent="0.2"/>
    <row r="172" spans="2:5" ht="20.100000000000001" customHeight="1" x14ac:dyDescent="0.2"/>
    <row r="173" spans="2:5" ht="20.100000000000001" customHeight="1" x14ac:dyDescent="0.2"/>
  </sheetData>
  <sheetProtection algorithmName="SHA-512" hashValue="+v7cMS3bJj1/GVSje6hT9FSLENa1ipVny81tZjuNAAFaaJ6d7tiljKH5ynbA7lvqNIYn0Li3v8epfTWSI6xZzw==" saltValue="iwM2IrbaJIEyd0VtiOGYwg==" spinCount="100000" sheet="1" formatCells="0" formatColumns="0" formatRows="0" insertColumns="0" insertRows="0" insertHyperlinks="0" deleteColumns="0" deleteRows="0" selectLockedCells="1" sort="0" autoFilter="0" pivotTables="0"/>
  <mergeCells count="138">
    <mergeCell ref="E117:F117"/>
    <mergeCell ref="E109:F109"/>
    <mergeCell ref="B105:F105"/>
    <mergeCell ref="B107:C108"/>
    <mergeCell ref="D107:F107"/>
    <mergeCell ref="E108:F108"/>
    <mergeCell ref="E110:F110"/>
    <mergeCell ref="E111:F111"/>
    <mergeCell ref="E112:F112"/>
    <mergeCell ref="E113:F113"/>
    <mergeCell ref="E114:F114"/>
    <mergeCell ref="E115:F115"/>
    <mergeCell ref="E116:F116"/>
    <mergeCell ref="E127:F127"/>
    <mergeCell ref="E128:F128"/>
    <mergeCell ref="E129:F129"/>
    <mergeCell ref="E118:F118"/>
    <mergeCell ref="E119:F119"/>
    <mergeCell ref="E120:F120"/>
    <mergeCell ref="E121:F121"/>
    <mergeCell ref="E122:F122"/>
    <mergeCell ref="E123:F123"/>
    <mergeCell ref="E124:F124"/>
    <mergeCell ref="E125:F125"/>
    <mergeCell ref="E126:F126"/>
    <mergeCell ref="A158:B158"/>
    <mergeCell ref="B131:F131"/>
    <mergeCell ref="B133:C134"/>
    <mergeCell ref="D133:F133"/>
    <mergeCell ref="E134:F134"/>
    <mergeCell ref="E153:F153"/>
    <mergeCell ref="E155:F155"/>
    <mergeCell ref="E156:F156"/>
    <mergeCell ref="B150:F150"/>
    <mergeCell ref="B140:F140"/>
    <mergeCell ref="C141:F141"/>
    <mergeCell ref="B143:E143"/>
    <mergeCell ref="B149:F149"/>
    <mergeCell ref="C144:D144"/>
    <mergeCell ref="C145:D145"/>
    <mergeCell ref="C146:D146"/>
    <mergeCell ref="C142:F142"/>
    <mergeCell ref="C147:D147"/>
    <mergeCell ref="E137:F137"/>
    <mergeCell ref="E138:F138"/>
    <mergeCell ref="E135:F135"/>
    <mergeCell ref="E136:F136"/>
    <mergeCell ref="B26:C26"/>
    <mergeCell ref="E96:F96"/>
    <mergeCell ref="E97:F97"/>
    <mergeCell ref="E98:F98"/>
    <mergeCell ref="E99:F99"/>
    <mergeCell ref="E100:F100"/>
    <mergeCell ref="E101:F101"/>
    <mergeCell ref="E102:F102"/>
    <mergeCell ref="E103:F103"/>
    <mergeCell ref="C27:D27"/>
    <mergeCell ref="B36:C37"/>
    <mergeCell ref="D36:F36"/>
    <mergeCell ref="E37:F37"/>
    <mergeCell ref="E92:F92"/>
    <mergeCell ref="E93:F93"/>
    <mergeCell ref="E94:F94"/>
    <mergeCell ref="C28:D28"/>
    <mergeCell ref="B34:F34"/>
    <mergeCell ref="B38:F38"/>
    <mergeCell ref="E95:F95"/>
    <mergeCell ref="B30:C30"/>
    <mergeCell ref="E39:F39"/>
    <mergeCell ref="E40:F40"/>
    <mergeCell ref="E41:F41"/>
    <mergeCell ref="B3:F3"/>
    <mergeCell ref="B12:D12"/>
    <mergeCell ref="B7:F7"/>
    <mergeCell ref="B8:F8"/>
    <mergeCell ref="B9:F9"/>
    <mergeCell ref="B11:F11"/>
    <mergeCell ref="B2:F2"/>
    <mergeCell ref="B1:F1"/>
    <mergeCell ref="B23:C23"/>
    <mergeCell ref="B21:F21"/>
    <mergeCell ref="B13:D13"/>
    <mergeCell ref="B19:F19"/>
    <mergeCell ref="B20:D20"/>
    <mergeCell ref="B22:F22"/>
    <mergeCell ref="B16:D16"/>
    <mergeCell ref="B17:D17"/>
    <mergeCell ref="B18:F18"/>
    <mergeCell ref="E42:F42"/>
    <mergeCell ref="E43:F43"/>
    <mergeCell ref="E44:F44"/>
    <mergeCell ref="E45:F45"/>
    <mergeCell ref="E46:F46"/>
    <mergeCell ref="E47:F47"/>
    <mergeCell ref="E48:F48"/>
    <mergeCell ref="E49:F49"/>
    <mergeCell ref="E50:F50"/>
    <mergeCell ref="E51:F51"/>
    <mergeCell ref="E52:F52"/>
    <mergeCell ref="E53:F53"/>
    <mergeCell ref="E54:F54"/>
    <mergeCell ref="E55:F55"/>
    <mergeCell ref="E56:F56"/>
    <mergeCell ref="E57:F57"/>
    <mergeCell ref="E58:F58"/>
    <mergeCell ref="E59:F59"/>
    <mergeCell ref="E60:F60"/>
    <mergeCell ref="E61:F61"/>
    <mergeCell ref="E62:F62"/>
    <mergeCell ref="E63:F63"/>
    <mergeCell ref="E64:F64"/>
    <mergeCell ref="E65:F65"/>
    <mergeCell ref="E66:F66"/>
    <mergeCell ref="E67:F67"/>
    <mergeCell ref="E68:F68"/>
    <mergeCell ref="E69:F69"/>
    <mergeCell ref="E70:F70"/>
    <mergeCell ref="E71:F71"/>
    <mergeCell ref="E72:F72"/>
    <mergeCell ref="E73:F73"/>
    <mergeCell ref="E74:F74"/>
    <mergeCell ref="E75:F75"/>
    <mergeCell ref="E76:F76"/>
    <mergeCell ref="E77:F77"/>
    <mergeCell ref="E78:F78"/>
    <mergeCell ref="E88:F88"/>
    <mergeCell ref="E89:F89"/>
    <mergeCell ref="E90:F90"/>
    <mergeCell ref="E91:F91"/>
    <mergeCell ref="E79:F79"/>
    <mergeCell ref="E80:F80"/>
    <mergeCell ref="E81:F81"/>
    <mergeCell ref="E82:F82"/>
    <mergeCell ref="E83:F83"/>
    <mergeCell ref="E84:F84"/>
    <mergeCell ref="E85:F85"/>
    <mergeCell ref="E86:F86"/>
    <mergeCell ref="E87:F87"/>
  </mergeCells>
  <conditionalFormatting sqref="D109 D114:D118">
    <cfRule type="containsBlanks" dxfId="68" priority="495">
      <formula>LEN(TRIM(D109))=0</formula>
    </cfRule>
  </conditionalFormatting>
  <conditionalFormatting sqref="E155:F155">
    <cfRule type="containsBlanks" dxfId="67" priority="494">
      <formula>LEN(TRIM(E155))=0</formula>
    </cfRule>
  </conditionalFormatting>
  <conditionalFormatting sqref="C153">
    <cfRule type="containsBlanks" dxfId="66" priority="492">
      <formula>LEN(TRIM(C153))=0</formula>
    </cfRule>
  </conditionalFormatting>
  <conditionalFormatting sqref="E156:F156">
    <cfRule type="containsBlanks" dxfId="65" priority="493">
      <formula>LEN(TRIM(E156))=0</formula>
    </cfRule>
  </conditionalFormatting>
  <conditionalFormatting sqref="C155">
    <cfRule type="containsBlanks" dxfId="64" priority="491">
      <formula>LEN(TRIM(C155))=0</formula>
    </cfRule>
  </conditionalFormatting>
  <conditionalFormatting sqref="C4:C5">
    <cfRule type="containsBlanks" dxfId="63" priority="490">
      <formula>LEN(TRIM(C4))=0</formula>
    </cfRule>
  </conditionalFormatting>
  <conditionalFormatting sqref="C146:D146">
    <cfRule type="containsBlanks" dxfId="62" priority="480">
      <formula>LEN(TRIM(C146))=0</formula>
    </cfRule>
  </conditionalFormatting>
  <conditionalFormatting sqref="C145:D145">
    <cfRule type="containsBlanks" dxfId="61" priority="431">
      <formula>LEN(TRIM(C145))=0</formula>
    </cfRule>
  </conditionalFormatting>
  <conditionalFormatting sqref="C144:D144">
    <cfRule type="containsBlanks" dxfId="60" priority="430">
      <formula>LEN(TRIM(C144))=0</formula>
    </cfRule>
  </conditionalFormatting>
  <conditionalFormatting sqref="C147:D147">
    <cfRule type="containsBlanks" dxfId="59" priority="429">
      <formula>LEN(TRIM(C147))=0</formula>
    </cfRule>
  </conditionalFormatting>
  <conditionalFormatting sqref="D135">
    <cfRule type="containsBlanks" dxfId="58" priority="135">
      <formula>LEN(TRIM(D135))=0</formula>
    </cfRule>
  </conditionalFormatting>
  <conditionalFormatting sqref="D136">
    <cfRule type="containsBlanks" dxfId="57" priority="134">
      <formula>LEN(TRIM(D136))=0</formula>
    </cfRule>
  </conditionalFormatting>
  <conditionalFormatting sqref="D138">
    <cfRule type="containsBlanks" dxfId="56" priority="133">
      <formula>LEN(TRIM(D138))=0</formula>
    </cfRule>
  </conditionalFormatting>
  <conditionalFormatting sqref="D137">
    <cfRule type="containsBlanks" dxfId="55" priority="132">
      <formula>LEN(TRIM(D137))=0</formula>
    </cfRule>
  </conditionalFormatting>
  <conditionalFormatting sqref="D129">
    <cfRule type="containsBlanks" dxfId="54" priority="125">
      <formula>LEN(TRIM(D129))=0</formula>
    </cfRule>
  </conditionalFormatting>
  <conditionalFormatting sqref="D120:D123 D110:D113">
    <cfRule type="containsBlanks" dxfId="53" priority="119">
      <formula>LEN(TRIM(D110))=0</formula>
    </cfRule>
  </conditionalFormatting>
  <conditionalFormatting sqref="D119">
    <cfRule type="containsBlanks" dxfId="52" priority="118">
      <formula>LEN(TRIM(D119))=0</formula>
    </cfRule>
  </conditionalFormatting>
  <conditionalFormatting sqref="D124">
    <cfRule type="containsBlanks" dxfId="51" priority="116">
      <formula>LEN(TRIM(D124))=0</formula>
    </cfRule>
  </conditionalFormatting>
  <conditionalFormatting sqref="D125:D126">
    <cfRule type="containsBlanks" dxfId="50" priority="115">
      <formula>LEN(TRIM(D125))=0</formula>
    </cfRule>
  </conditionalFormatting>
  <conditionalFormatting sqref="D127:D128">
    <cfRule type="containsBlanks" dxfId="49" priority="114">
      <formula>LEN(TRIM(D127))=0</formula>
    </cfRule>
  </conditionalFormatting>
  <conditionalFormatting sqref="D92">
    <cfRule type="containsBlanks" dxfId="48" priority="112">
      <formula>LEN(TRIM(D92))=0</formula>
    </cfRule>
  </conditionalFormatting>
  <conditionalFormatting sqref="D93:D94">
    <cfRule type="containsBlanks" dxfId="47" priority="109">
      <formula>LEN(TRIM(D93))=0</formula>
    </cfRule>
  </conditionalFormatting>
  <conditionalFormatting sqref="D95">
    <cfRule type="containsBlanks" dxfId="46" priority="108">
      <formula>LEN(TRIM(D95))=0</formula>
    </cfRule>
  </conditionalFormatting>
  <conditionalFormatting sqref="D96">
    <cfRule type="containsBlanks" dxfId="45" priority="107">
      <formula>LEN(TRIM(D96))=0</formula>
    </cfRule>
  </conditionalFormatting>
  <conditionalFormatting sqref="D97:D98">
    <cfRule type="containsBlanks" dxfId="44" priority="106">
      <formula>LEN(TRIM(D97))=0</formula>
    </cfRule>
  </conditionalFormatting>
  <conditionalFormatting sqref="D99">
    <cfRule type="containsBlanks" dxfId="43" priority="105">
      <formula>LEN(TRIM(D99))=0</formula>
    </cfRule>
  </conditionalFormatting>
  <conditionalFormatting sqref="D100">
    <cfRule type="containsBlanks" dxfId="42" priority="104">
      <formula>LEN(TRIM(D100))=0</formula>
    </cfRule>
  </conditionalFormatting>
  <conditionalFormatting sqref="D101:D102">
    <cfRule type="containsBlanks" dxfId="41" priority="103">
      <formula>LEN(TRIM(D101))=0</formula>
    </cfRule>
  </conditionalFormatting>
  <conditionalFormatting sqref="D103">
    <cfRule type="containsBlanks" dxfId="40" priority="102">
      <formula>LEN(TRIM(D103))=0</formula>
    </cfRule>
  </conditionalFormatting>
  <conditionalFormatting sqref="D80">
    <cfRule type="containsBlanks" dxfId="39" priority="40">
      <formula>LEN(TRIM(D80))=0</formula>
    </cfRule>
  </conditionalFormatting>
  <conditionalFormatting sqref="D39">
    <cfRule type="containsBlanks" dxfId="38" priority="39">
      <formula>LEN(TRIM(D39))=0</formula>
    </cfRule>
  </conditionalFormatting>
  <conditionalFormatting sqref="D69:D70">
    <cfRule type="containsBlanks" dxfId="37" priority="38">
      <formula>LEN(TRIM(D69))=0</formula>
    </cfRule>
  </conditionalFormatting>
  <conditionalFormatting sqref="D71">
    <cfRule type="containsBlanks" dxfId="36" priority="37">
      <formula>LEN(TRIM(D71))=0</formula>
    </cfRule>
  </conditionalFormatting>
  <conditionalFormatting sqref="D40:D41">
    <cfRule type="containsBlanks" dxfId="35" priority="36">
      <formula>LEN(TRIM(D40))=0</formula>
    </cfRule>
  </conditionalFormatting>
  <conditionalFormatting sqref="D42">
    <cfRule type="containsBlanks" dxfId="34" priority="35">
      <formula>LEN(TRIM(D42))=0</formula>
    </cfRule>
  </conditionalFormatting>
  <conditionalFormatting sqref="D43">
    <cfRule type="containsBlanks" dxfId="33" priority="34">
      <formula>LEN(TRIM(D43))=0</formula>
    </cfRule>
  </conditionalFormatting>
  <conditionalFormatting sqref="D44:D45">
    <cfRule type="containsBlanks" dxfId="32" priority="33">
      <formula>LEN(TRIM(D44))=0</formula>
    </cfRule>
  </conditionalFormatting>
  <conditionalFormatting sqref="D46">
    <cfRule type="containsBlanks" dxfId="31" priority="32">
      <formula>LEN(TRIM(D46))=0</formula>
    </cfRule>
  </conditionalFormatting>
  <conditionalFormatting sqref="D47">
    <cfRule type="containsBlanks" dxfId="30" priority="31">
      <formula>LEN(TRIM(D47))=0</formula>
    </cfRule>
  </conditionalFormatting>
  <conditionalFormatting sqref="D48:D49">
    <cfRule type="containsBlanks" dxfId="29" priority="30">
      <formula>LEN(TRIM(D48))=0</formula>
    </cfRule>
  </conditionalFormatting>
  <conditionalFormatting sqref="D50">
    <cfRule type="containsBlanks" dxfId="28" priority="29">
      <formula>LEN(TRIM(D50))=0</formula>
    </cfRule>
  </conditionalFormatting>
  <conditionalFormatting sqref="D51">
    <cfRule type="containsBlanks" dxfId="27" priority="28">
      <formula>LEN(TRIM(D51))=0</formula>
    </cfRule>
  </conditionalFormatting>
  <conditionalFormatting sqref="D52:D53">
    <cfRule type="containsBlanks" dxfId="26" priority="27">
      <formula>LEN(TRIM(D52))=0</formula>
    </cfRule>
  </conditionalFormatting>
  <conditionalFormatting sqref="D54">
    <cfRule type="containsBlanks" dxfId="25" priority="26">
      <formula>LEN(TRIM(D54))=0</formula>
    </cfRule>
  </conditionalFormatting>
  <conditionalFormatting sqref="D75">
    <cfRule type="containsBlanks" dxfId="24" priority="12">
      <formula>LEN(TRIM(D75))=0</formula>
    </cfRule>
  </conditionalFormatting>
  <conditionalFormatting sqref="D55:D56">
    <cfRule type="containsBlanks" dxfId="23" priority="25">
      <formula>LEN(TRIM(D55))=0</formula>
    </cfRule>
  </conditionalFormatting>
  <conditionalFormatting sqref="D57">
    <cfRule type="containsBlanks" dxfId="22" priority="24">
      <formula>LEN(TRIM(D57))=0</formula>
    </cfRule>
  </conditionalFormatting>
  <conditionalFormatting sqref="D58:D59">
    <cfRule type="containsBlanks" dxfId="21" priority="23">
      <formula>LEN(TRIM(D58))=0</formula>
    </cfRule>
  </conditionalFormatting>
  <conditionalFormatting sqref="D60">
    <cfRule type="containsBlanks" dxfId="20" priority="22">
      <formula>LEN(TRIM(D60))=0</formula>
    </cfRule>
  </conditionalFormatting>
  <conditionalFormatting sqref="D61">
    <cfRule type="containsBlanks" dxfId="19" priority="21">
      <formula>LEN(TRIM(D61))=0</formula>
    </cfRule>
  </conditionalFormatting>
  <conditionalFormatting sqref="D62:D63">
    <cfRule type="containsBlanks" dxfId="18" priority="20">
      <formula>LEN(TRIM(D62))=0</formula>
    </cfRule>
  </conditionalFormatting>
  <conditionalFormatting sqref="D64">
    <cfRule type="containsBlanks" dxfId="17" priority="19">
      <formula>LEN(TRIM(D64))=0</formula>
    </cfRule>
  </conditionalFormatting>
  <conditionalFormatting sqref="D65">
    <cfRule type="containsBlanks" dxfId="16" priority="18">
      <formula>LEN(TRIM(D65))=0</formula>
    </cfRule>
  </conditionalFormatting>
  <conditionalFormatting sqref="D66:D67">
    <cfRule type="containsBlanks" dxfId="15" priority="17">
      <formula>LEN(TRIM(D66))=0</formula>
    </cfRule>
  </conditionalFormatting>
  <conditionalFormatting sqref="D68">
    <cfRule type="containsBlanks" dxfId="14" priority="16">
      <formula>LEN(TRIM(D68))=0</formula>
    </cfRule>
  </conditionalFormatting>
  <conditionalFormatting sqref="D72">
    <cfRule type="containsBlanks" dxfId="13" priority="15">
      <formula>LEN(TRIM(D72))=0</formula>
    </cfRule>
  </conditionalFormatting>
  <conditionalFormatting sqref="D73">
    <cfRule type="containsBlanks" dxfId="12" priority="14">
      <formula>LEN(TRIM(D73))=0</formula>
    </cfRule>
  </conditionalFormatting>
  <conditionalFormatting sqref="D74">
    <cfRule type="containsBlanks" dxfId="11" priority="13">
      <formula>LEN(TRIM(D74))=0</formula>
    </cfRule>
  </conditionalFormatting>
  <conditionalFormatting sqref="D89:D90">
    <cfRule type="containsBlanks" dxfId="10" priority="8">
      <formula>LEN(TRIM(D89))=0</formula>
    </cfRule>
  </conditionalFormatting>
  <conditionalFormatting sqref="D76">
    <cfRule type="containsBlanks" dxfId="9" priority="11">
      <formula>LEN(TRIM(D76))=0</formula>
    </cfRule>
  </conditionalFormatting>
  <conditionalFormatting sqref="D77:D78">
    <cfRule type="containsBlanks" dxfId="8" priority="10">
      <formula>LEN(TRIM(D77))=0</formula>
    </cfRule>
  </conditionalFormatting>
  <conditionalFormatting sqref="D79">
    <cfRule type="containsBlanks" dxfId="7" priority="9">
      <formula>LEN(TRIM(D79))=0</formula>
    </cfRule>
  </conditionalFormatting>
  <conditionalFormatting sqref="D91">
    <cfRule type="containsBlanks" dxfId="6" priority="7">
      <formula>LEN(TRIM(D91))=0</formula>
    </cfRule>
  </conditionalFormatting>
  <conditionalFormatting sqref="D83">
    <cfRule type="containsBlanks" dxfId="5" priority="5">
      <formula>LEN(TRIM(D83))=0</formula>
    </cfRule>
  </conditionalFormatting>
  <conditionalFormatting sqref="D84">
    <cfRule type="containsBlanks" dxfId="4" priority="4">
      <formula>LEN(TRIM(D84))=0</formula>
    </cfRule>
  </conditionalFormatting>
  <conditionalFormatting sqref="D81:D82">
    <cfRule type="containsBlanks" dxfId="3" priority="6">
      <formula>LEN(TRIM(D81))=0</formula>
    </cfRule>
  </conditionalFormatting>
  <conditionalFormatting sqref="D85:D86">
    <cfRule type="containsBlanks" dxfId="2" priority="3">
      <formula>LEN(TRIM(D85))=0</formula>
    </cfRule>
  </conditionalFormatting>
  <conditionalFormatting sqref="D87">
    <cfRule type="containsBlanks" dxfId="1" priority="2">
      <formula>LEN(TRIM(D87))=0</formula>
    </cfRule>
  </conditionalFormatting>
  <conditionalFormatting sqref="D88">
    <cfRule type="containsBlanks" dxfId="0" priority="1">
      <formula>LEN(TRIM(D88))=0</formula>
    </cfRule>
  </conditionalFormatting>
  <printOptions horizontalCentered="1"/>
  <pageMargins left="0.70866141732283472" right="0.70866141732283472" top="0.9055118110236221" bottom="0.74803149606299213" header="0.31496062992125984" footer="0.31496062992125984"/>
  <pageSetup paperSize="9" scale="62"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6-14T06:47:38Z</cp:lastPrinted>
  <dcterms:created xsi:type="dcterms:W3CDTF">2017-04-21T05:51:15Z</dcterms:created>
  <dcterms:modified xsi:type="dcterms:W3CDTF">2024-06-14T06:49:11Z</dcterms:modified>
</cp:coreProperties>
</file>